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wmf" ContentType="image/x-wmf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ustomProperty1.bin" ContentType="application/vnd.openxmlformats-officedocument.spreadsheetml.customProperty"/>
  <Override PartName="/xl/customProperty2.bin" ContentType="application/vnd.openxmlformats-officedocument.spreadsheetml.customProperty"/>
  <Override PartName="/xl/customProperty3.bin" ContentType="application/vnd.openxmlformats-officedocument.spreadsheetml.customProperty"/>
  <Override PartName="/xl/customProperty4.bin" ContentType="application/vnd.openxmlformats-officedocument.spreadsheetml.customProperty"/>
  <Override PartName="/xl/customProperty5.bin" ContentType="application/vnd.openxmlformats-officedocument.spreadsheetml.customProperty"/>
  <Override PartName="/xl/customProperty6.bin" ContentType="application/vnd.openxmlformats-officedocument.spreadsheetml.customProperty"/>
  <Override PartName="/xl/customProperty7.bin" ContentType="application/vnd.openxmlformats-officedocument.spreadsheetml.customProperty"/>
  <Override PartName="/xl/customProperty8.bin" ContentType="application/vnd.openxmlformats-officedocument.spreadsheetml.customProperty"/>
  <Override PartName="/xl/customProperty9.bin" ContentType="application/vnd.openxmlformats-officedocument.spreadsheetml.customProperty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wmf"/><Relationship Id="rId1" Type="http://schemas.openxmlformats.org/officeDocument/2006/relationships/officeDocument" Target="xl/workbook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531"/>
  <workbookPr/>
  <mc:AlternateContent xmlns:mc="http://schemas.openxmlformats.org/markup-compatibility/2006">
    <mc:Choice Requires="x15">
      <x15ac:absPath xmlns:x15ac="http://schemas.microsoft.com/office/spreadsheetml/2010/11/ac" url="https://framptoncotterellpc.sharepoint.com/Office Data/FINANCE/Audit/Internal Audit/2023-24/AGAR 2023-24/"/>
    </mc:Choice>
  </mc:AlternateContent>
  <xr:revisionPtr revIDLastSave="128" documentId="8_{7D7CB805-A852-4588-8BEB-B25C9543B7EB}" xr6:coauthVersionLast="47" xr6:coauthVersionMax="47" xr10:uidLastSave="{8214D5FA-56E1-4FF7-9E27-1651D5E81123}"/>
  <bookViews>
    <workbookView xWindow="-120" yWindow="-120" windowWidth="20730" windowHeight="11040" tabRatio="874" firstSheet="2" activeTab="7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D19" i="10" l="1"/>
  <c r="D24" i="11"/>
  <c r="D21" i="11"/>
  <c r="D14" i="11"/>
  <c r="D28" i="7"/>
  <c r="D27" i="7"/>
  <c r="G39" i="14"/>
  <c r="D15" i="7" l="1"/>
  <c r="E33" i="11"/>
  <c r="C33" i="11"/>
  <c r="C39" i="11"/>
  <c r="B39" i="11"/>
  <c r="D38" i="11"/>
  <c r="D37" i="11"/>
  <c r="D36" i="11"/>
  <c r="C13" i="13"/>
  <c r="D13" i="13"/>
  <c r="D39" i="11" l="1"/>
  <c r="F36" i="14"/>
  <c r="F33" i="14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G37" i="14" l="1"/>
  <c r="J9" i="13"/>
  <c r="J17" i="13"/>
  <c r="J16" i="13"/>
  <c r="J12" i="13"/>
  <c r="J8" i="13"/>
  <c r="J11" i="13"/>
  <c r="J10" i="13"/>
  <c r="E4" i="12"/>
  <c r="C4" i="12"/>
  <c r="E4" i="11"/>
  <c r="C4" i="11"/>
  <c r="E4" i="10"/>
  <c r="C4" i="10"/>
  <c r="E4" i="9"/>
  <c r="C4" i="9"/>
  <c r="E4" i="8"/>
  <c r="C4" i="8"/>
  <c r="E4" i="7"/>
  <c r="C4" i="7"/>
  <c r="C4" i="1"/>
  <c r="E4" i="1"/>
  <c r="C19" i="12"/>
  <c r="B19" i="12"/>
  <c r="D18" i="12"/>
  <c r="D17" i="12"/>
  <c r="D16" i="12"/>
  <c r="D15" i="12"/>
  <c r="D14" i="12"/>
  <c r="D13" i="12"/>
  <c r="D12" i="12"/>
  <c r="F7" i="12" s="1"/>
  <c r="C27" i="11"/>
  <c r="B27" i="11"/>
  <c r="D26" i="11"/>
  <c r="D25" i="11"/>
  <c r="D23" i="11"/>
  <c r="D22" i="11"/>
  <c r="D20" i="11"/>
  <c r="D19" i="11"/>
  <c r="D18" i="11"/>
  <c r="D17" i="11"/>
  <c r="D16" i="11"/>
  <c r="D15" i="11"/>
  <c r="D13" i="11"/>
  <c r="C29" i="10"/>
  <c r="B29" i="10"/>
  <c r="D28" i="10"/>
  <c r="D27" i="10"/>
  <c r="D26" i="10"/>
  <c r="D25" i="10"/>
  <c r="D24" i="10"/>
  <c r="D23" i="10"/>
  <c r="D22" i="10"/>
  <c r="D21" i="10"/>
  <c r="D20" i="10"/>
  <c r="D18" i="10"/>
  <c r="D17" i="10"/>
  <c r="D16" i="10"/>
  <c r="D15" i="10"/>
  <c r="D14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8" i="8"/>
  <c r="B28" i="8"/>
  <c r="D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C31" i="7"/>
  <c r="B31" i="7"/>
  <c r="D26" i="7"/>
  <c r="D25" i="7"/>
  <c r="D24" i="7"/>
  <c r="D23" i="7"/>
  <c r="D22" i="7"/>
  <c r="D21" i="7"/>
  <c r="D20" i="7"/>
  <c r="D19" i="7"/>
  <c r="D18" i="7"/>
  <c r="D17" i="7"/>
  <c r="D16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E7" i="10" l="1"/>
  <c r="F7" i="10" s="1"/>
  <c r="D29" i="10"/>
  <c r="D31" i="7"/>
  <c r="E7" i="8"/>
  <c r="F7" i="8" s="1"/>
  <c r="E6" i="12"/>
  <c r="E7" i="12"/>
  <c r="E7" i="11"/>
  <c r="F7" i="11" s="1"/>
  <c r="E7" i="9"/>
  <c r="F7" i="9" s="1"/>
  <c r="E7" i="7"/>
  <c r="F7" i="7" s="1"/>
  <c r="C4" i="14"/>
  <c r="E7" i="1"/>
  <c r="F7" i="1" s="1"/>
  <c r="E6" i="8"/>
  <c r="E6" i="7"/>
  <c r="E6" i="9"/>
  <c r="E6" i="10"/>
  <c r="E6" i="11"/>
  <c r="E6" i="1"/>
  <c r="D19" i="12"/>
  <c r="D27" i="11"/>
  <c r="D28" i="8"/>
  <c r="D26" i="1"/>
</calcChain>
</file>

<file path=xl/sharedStrings.xml><?xml version="1.0" encoding="utf-8"?>
<sst xmlns="http://schemas.openxmlformats.org/spreadsheetml/2006/main" count="221" uniqueCount="126">
  <si>
    <t>Total</t>
  </si>
  <si>
    <t>Explanation (Ensure each explanation is quantified)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Explanation required</t>
  </si>
  <si>
    <t>Variance £</t>
  </si>
  <si>
    <t>Variance %</t>
  </si>
  <si>
    <t>Reserves</t>
  </si>
  <si>
    <t>Box 7</t>
  </si>
  <si>
    <t>Precept</t>
  </si>
  <si>
    <t>£</t>
  </si>
  <si>
    <t>Earmarked reserves:</t>
  </si>
  <si>
    <t>General reserve</t>
  </si>
  <si>
    <t>Total reserves (must agree to Box 7)</t>
  </si>
  <si>
    <t>Bal c/f checker</t>
  </si>
  <si>
    <t>Accounting statements 2023-24</t>
  </si>
  <si>
    <t>2023/24</t>
  </si>
  <si>
    <t>2023/24       £</t>
  </si>
  <si>
    <t>Please ensure you complete the value for both years, please do not provide the movement only.</t>
  </si>
  <si>
    <t>Is this purchase an asset and reflected in Box 9</t>
  </si>
  <si>
    <t>Fixed assets</t>
  </si>
  <si>
    <t>Long Term investments</t>
  </si>
  <si>
    <t>Please provide 3rd party confirmation if a non PWLB loan</t>
  </si>
  <si>
    <t>Please explain in the Reserves tab</t>
  </si>
  <si>
    <t>Is this asset movement reflected in Box 3 or Box 6</t>
  </si>
  <si>
    <t>If No please explain why</t>
  </si>
  <si>
    <t>Please provide value of investments held at each year end</t>
  </si>
  <si>
    <t>Identify and quantify, changes in head count, pay awards, change in hours, please provide a value</t>
  </si>
  <si>
    <t>Current year fund</t>
  </si>
  <si>
    <t>Election Fund</t>
  </si>
  <si>
    <t>CIL 2020/21</t>
  </si>
  <si>
    <t>Property Building Fund</t>
  </si>
  <si>
    <t>Parish Play equipment</t>
  </si>
  <si>
    <t>Solar income</t>
  </si>
  <si>
    <t>Pitch improvements</t>
  </si>
  <si>
    <t>CIL 18/19 Climate &amp; nature enhancement</t>
  </si>
  <si>
    <t>CIL 19/20 Park</t>
  </si>
  <si>
    <t>Events</t>
  </si>
  <si>
    <t>Civic Furniture</t>
  </si>
  <si>
    <t>Youth Club</t>
  </si>
  <si>
    <t>Park Improvement Fund</t>
  </si>
  <si>
    <t>Stonewalls</t>
  </si>
  <si>
    <t>VA Community Projects</t>
  </si>
  <si>
    <t>s106 Capital/Tennis Court</t>
  </si>
  <si>
    <t>Revenue/Tennis Courts</t>
  </si>
  <si>
    <t>Bat Fund</t>
  </si>
  <si>
    <t>CIL 19/20 Climate &amp; nature-general projects</t>
  </si>
  <si>
    <t>Centenary Field</t>
  </si>
  <si>
    <t>CIL 2021/22</t>
  </si>
  <si>
    <t>CIL 2022/23</t>
  </si>
  <si>
    <t>Suez funding towards the total refurbishment of our Ridings Road play area</t>
  </si>
  <si>
    <t>section 106 funding towards the tennis courts refurbishment, including replacement fencing &amp; booking gate technology</t>
  </si>
  <si>
    <t>Bank interest increase</t>
  </si>
  <si>
    <t>Youth service contribution from 2 neighbouring parishes</t>
  </si>
  <si>
    <t>Tennis court refurbishment</t>
  </si>
  <si>
    <t>Play area redevelopment</t>
  </si>
  <si>
    <t>Increase in grass cutting &amp; maintenance on the playing fields at the Park</t>
  </si>
  <si>
    <t>yes</t>
  </si>
  <si>
    <t>New gates &amp; fence at Jubilee allotments</t>
  </si>
  <si>
    <t>Ridings Road play area new equipment</t>
  </si>
  <si>
    <t>Park improvements- drains cleared, pot holes filled &amp; fence replaced</t>
  </si>
  <si>
    <t>New Flooring installed at the council offices</t>
  </si>
  <si>
    <t>Replacement noticeboard at the Park</t>
  </si>
  <si>
    <t>New Fence at the Park</t>
  </si>
  <si>
    <t>New Fence &amp; gates at Jubilee allotments</t>
  </si>
  <si>
    <t>yes- the fence</t>
  </si>
  <si>
    <t>Property building fund- Pavilion exterior lights installed, storage facilities provided for youth &amp; the scouts &amp; guttering replaced, new flooring at the council offices</t>
  </si>
  <si>
    <t>yes, the flooring</t>
  </si>
  <si>
    <t>Bat detectors</t>
  </si>
  <si>
    <t>Village action disbanded &amp; provided the Council with the balance of their funds for community use</t>
  </si>
  <si>
    <t>Ridings Road Park Noticeboard</t>
  </si>
  <si>
    <t>Rounding</t>
  </si>
  <si>
    <t>Lawn Tennis Association funding towards the tennis courts refurbishment</t>
  </si>
  <si>
    <t>Refund to sports club in 2022-23</t>
  </si>
  <si>
    <t>events income</t>
  </si>
  <si>
    <t>bats grant</t>
  </si>
  <si>
    <t>Recharge to South Gloucestershire Council for 1 of our staff working for them 1 day per week</t>
  </si>
  <si>
    <t>Deposits Forfeited- allotments in 2022-23</t>
  </si>
  <si>
    <t xml:space="preserve"> solar income pavilion, no income received in 2021-22, payment for that year received in 2022-23</t>
  </si>
  <si>
    <t>Tennis courts, fencing &amp; gates</t>
  </si>
  <si>
    <t>Acoustic panels</t>
  </si>
  <si>
    <t>water fountain</t>
  </si>
  <si>
    <t>tennis court gate lock</t>
  </si>
  <si>
    <t>Fencing</t>
  </si>
  <si>
    <t>no</t>
  </si>
  <si>
    <t>CIL, reduction of entitlement</t>
  </si>
  <si>
    <t>Good will payment of £2,250 received from Western Power due to damage caused by them, that had to be rectified</t>
  </si>
  <si>
    <t>Installed in a previous year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19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  <font>
      <b/>
      <i/>
      <sz val="11"/>
      <color rgb="FFFF0000"/>
      <name val="Calibri"/>
      <family val="2"/>
      <scheme val="minor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6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93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4" fillId="0" borderId="0" xfId="0" applyFont="1"/>
    <xf numFmtId="0" fontId="15" fillId="0" borderId="0" xfId="0" applyFont="1"/>
    <xf numFmtId="0" fontId="14" fillId="6" borderId="0" xfId="0" applyFont="1" applyFill="1"/>
    <xf numFmtId="0" fontId="14" fillId="0" borderId="14" xfId="0" applyFont="1" applyBorder="1"/>
    <xf numFmtId="0" fontId="15" fillId="0" borderId="15" xfId="0" applyFont="1" applyBorder="1"/>
    <xf numFmtId="0" fontId="16" fillId="0" borderId="0" xfId="0" applyFont="1"/>
    <xf numFmtId="0" fontId="14" fillId="3" borderId="1" xfId="0" applyFont="1" applyFill="1" applyBorder="1"/>
    <xf numFmtId="0" fontId="14" fillId="0" borderId="0" xfId="0" applyFont="1" applyAlignment="1">
      <alignment horizontal="right"/>
    </xf>
    <xf numFmtId="9" fontId="17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8" fillId="2" borderId="1" xfId="0" applyFont="1" applyFill="1" applyBorder="1"/>
    <xf numFmtId="0" fontId="6" fillId="2" borderId="1" xfId="0" applyFont="1" applyFill="1" applyBorder="1"/>
    <xf numFmtId="0" fontId="18" fillId="0" borderId="0" xfId="0" applyFont="1"/>
    <xf numFmtId="0" fontId="7" fillId="0" borderId="2" xfId="0" applyFont="1" applyBorder="1"/>
    <xf numFmtId="0" fontId="0" fillId="0" borderId="3" xfId="0" applyBorder="1"/>
    <xf numFmtId="3" fontId="14" fillId="6" borderId="0" xfId="0" applyNumberFormat="1" applyFont="1" applyFill="1"/>
    <xf numFmtId="0" fontId="7" fillId="0" borderId="3" xfId="0" applyFont="1" applyBorder="1"/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6" fillId="0" borderId="2" xfId="0" applyFont="1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7" fillId="0" borderId="2" xfId="0" applyFont="1" applyBorder="1" applyAlignment="1">
      <alignment wrapText="1"/>
    </xf>
    <xf numFmtId="0" fontId="7" fillId="0" borderId="3" xfId="0" applyFont="1" applyBorder="1" applyAlignment="1">
      <alignment wrapText="1"/>
    </xf>
    <xf numFmtId="0" fontId="8" fillId="0" borderId="3" xfId="0" applyFont="1" applyBorder="1"/>
    <xf numFmtId="0" fontId="8" fillId="0" borderId="2" xfId="0" applyFont="1" applyBorder="1"/>
    <xf numFmtId="0" fontId="7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7"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FF0000"/>
      </font>
      <fill>
        <patternFill>
          <bgColor rgb="FFFFFF00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18" Type="http://schemas.openxmlformats.org/officeDocument/2006/relationships/customXml" Target="../customXml/item5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17" Type="http://schemas.openxmlformats.org/officeDocument/2006/relationships/customXml" Target="../customXml/item4.xml"/><Relationship Id="rId2" Type="http://schemas.openxmlformats.org/officeDocument/2006/relationships/worksheet" Target="worksheets/sheet2.xml"/><Relationship Id="rId16" Type="http://schemas.openxmlformats.org/officeDocument/2006/relationships/customXml" Target="../customXml/item3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1.bin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2.bin"/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3.bin"/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4.bin"/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5.bin"/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6.bin"/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7.bin"/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8.bin"/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2" Type="http://schemas.openxmlformats.org/officeDocument/2006/relationships/customProperty" Target="../customProperty9.bin"/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opLeftCell="A7" workbookViewId="0">
      <selection activeCell="F15" sqref="F15"/>
    </sheetView>
  </sheetViews>
  <sheetFormatPr defaultRowHeight="15" x14ac:dyDescent="0.25"/>
  <cols>
    <col min="1" max="1" width="4.140625" customWidth="1"/>
    <col min="2" max="2" width="28.7109375" style="21" customWidth="1"/>
    <col min="3" max="6" width="16.5703125" customWidth="1"/>
    <col min="7" max="8" width="16.5703125" hidden="1" customWidth="1"/>
    <col min="9" max="9" width="77.140625" style="23" customWidth="1"/>
    <col min="10" max="10" width="23.140625" bestFit="1" customWidth="1"/>
  </cols>
  <sheetData>
    <row r="1" spans="2:10" ht="17.25" customHeight="1" x14ac:dyDescent="0.25">
      <c r="B1" s="25" t="s">
        <v>53</v>
      </c>
    </row>
    <row r="3" spans="2:10" ht="15" customHeight="1" x14ac:dyDescent="0.25">
      <c r="B3" s="81" t="s">
        <v>38</v>
      </c>
      <c r="C3" s="82"/>
      <c r="D3" s="82"/>
      <c r="E3" s="82"/>
      <c r="F3" s="82"/>
      <c r="G3" s="82"/>
      <c r="H3" s="82"/>
      <c r="I3" s="82"/>
    </row>
    <row r="4" spans="2:10" ht="15" customHeight="1" thickBot="1" x14ac:dyDescent="0.3"/>
    <row r="5" spans="2:10" ht="15" customHeight="1" x14ac:dyDescent="0.25">
      <c r="B5" s="26"/>
      <c r="C5" s="80" t="s">
        <v>15</v>
      </c>
      <c r="D5" s="80"/>
      <c r="E5" s="46"/>
      <c r="F5" s="46"/>
      <c r="G5" s="46"/>
      <c r="H5" s="46"/>
      <c r="I5" s="36" t="s">
        <v>16</v>
      </c>
      <c r="J5" s="41" t="s">
        <v>42</v>
      </c>
    </row>
    <row r="6" spans="2:10" ht="30" x14ac:dyDescent="0.25">
      <c r="B6" s="27"/>
      <c r="C6" s="28">
        <v>45016</v>
      </c>
      <c r="D6" s="28">
        <v>45382</v>
      </c>
      <c r="E6" s="47" t="s">
        <v>43</v>
      </c>
      <c r="F6" s="47" t="s">
        <v>44</v>
      </c>
      <c r="G6" s="47"/>
      <c r="H6" s="47"/>
      <c r="I6" s="37" t="s">
        <v>37</v>
      </c>
      <c r="J6" s="42"/>
    </row>
    <row r="7" spans="2:10" s="20" customFormat="1" ht="30" x14ac:dyDescent="0.25">
      <c r="B7" s="29" t="s">
        <v>17</v>
      </c>
      <c r="C7" s="67">
        <v>518585</v>
      </c>
      <c r="D7" s="67">
        <v>531636</v>
      </c>
      <c r="E7" s="54"/>
      <c r="F7" s="54"/>
      <c r="G7" s="49"/>
      <c r="H7" s="49"/>
      <c r="I7" s="38" t="s">
        <v>36</v>
      </c>
      <c r="J7" s="43"/>
    </row>
    <row r="8" spans="2:10" s="20" customFormat="1" ht="30" x14ac:dyDescent="0.25">
      <c r="B8" s="29" t="s">
        <v>18</v>
      </c>
      <c r="C8" s="67">
        <v>354700</v>
      </c>
      <c r="D8" s="67">
        <v>381303</v>
      </c>
      <c r="E8" s="49">
        <f>D8-C8</f>
        <v>26603</v>
      </c>
      <c r="F8" s="48">
        <f>IF(AND(C8=0,D8=0),0,IF(C8=0,1,IF(D8=0,-1,(D8-C8)/C8)))</f>
        <v>7.5001409641950942E-2</v>
      </c>
      <c r="G8" s="33" t="str">
        <f>IF(E8&gt;100000,"Yes",IF(E8&lt;-100000,"Yes","No"))</f>
        <v>No</v>
      </c>
      <c r="H8" s="33" t="str">
        <f>IF(F8&gt;15%,"Yes",IF(F8&lt;-15%,"Yes","No"))</f>
        <v>No</v>
      </c>
      <c r="I8" s="38" t="s">
        <v>19</v>
      </c>
      <c r="J8" s="45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0" customFormat="1" ht="34.5" customHeight="1" x14ac:dyDescent="0.25">
      <c r="B9" s="29" t="s">
        <v>20</v>
      </c>
      <c r="C9" s="67">
        <v>67580</v>
      </c>
      <c r="D9" s="67">
        <v>241226</v>
      </c>
      <c r="E9" s="49">
        <f t="shared" ref="E9:E12" si="0">D9-C9</f>
        <v>173646</v>
      </c>
      <c r="F9" s="48">
        <f t="shared" ref="F9:F12" si="1">IF(AND(C9=0,D9=0),0,IF(C9=0,1,IF(D9=0,-1,(D9-C9)/C9)))</f>
        <v>2.5694880142053864</v>
      </c>
      <c r="G9" s="33" t="str">
        <f t="shared" ref="G9:G12" si="2">IF(E9&gt;100000,"Yes",IF(E9&lt;-100000,"Yes","No"))</f>
        <v>Yes</v>
      </c>
      <c r="H9" s="33" t="str">
        <f t="shared" ref="H9:H12" si="3">IF(F9&gt;15%,"Yes",IF(F9&lt;-15%,"Yes","No"))</f>
        <v>Yes</v>
      </c>
      <c r="I9" s="38" t="s">
        <v>21</v>
      </c>
      <c r="J9" s="45" t="str">
        <f>IF(ISBLANK(C9),"Enter figures",IF(G9="Yes","Please explain within the relevant tab",IF(H9="Yes","Please explain within the relevant tab","No explanation required")))</f>
        <v>Please explain within the relevant tab</v>
      </c>
    </row>
    <row r="10" spans="2:10" ht="45" x14ac:dyDescent="0.25">
      <c r="B10" s="30" t="s">
        <v>22</v>
      </c>
      <c r="C10" s="67">
        <v>183233</v>
      </c>
      <c r="D10" s="67">
        <v>210498</v>
      </c>
      <c r="E10" s="49">
        <f t="shared" si="0"/>
        <v>27265</v>
      </c>
      <c r="F10" s="48">
        <f t="shared" si="1"/>
        <v>0.14879961578973219</v>
      </c>
      <c r="G10" s="33" t="str">
        <f t="shared" si="2"/>
        <v>No</v>
      </c>
      <c r="H10" s="33" t="str">
        <f t="shared" si="3"/>
        <v>No</v>
      </c>
      <c r="I10" s="38" t="s">
        <v>23</v>
      </c>
      <c r="J10" s="45" t="str">
        <f t="shared" ref="J10:J12" si="4">IF(ISBLANK(C10),"Enter figures",IF(G10="Yes","Please explain within the relevant tab",IF(H10="Yes","Please explain within the relevant tab","No explanation required")))</f>
        <v>No explanation required</v>
      </c>
    </row>
    <row r="11" spans="2:10" ht="30" x14ac:dyDescent="0.25">
      <c r="B11" s="30" t="s">
        <v>24</v>
      </c>
      <c r="C11" s="67">
        <v>13580</v>
      </c>
      <c r="D11" s="67">
        <v>13580</v>
      </c>
      <c r="E11" s="49">
        <f t="shared" si="0"/>
        <v>0</v>
      </c>
      <c r="F11" s="48">
        <f t="shared" si="1"/>
        <v>0</v>
      </c>
      <c r="G11" s="33" t="str">
        <f t="shared" si="2"/>
        <v>No</v>
      </c>
      <c r="H11" s="33" t="str">
        <f t="shared" si="3"/>
        <v>No</v>
      </c>
      <c r="I11" s="38" t="s">
        <v>25</v>
      </c>
      <c r="J11" s="45" t="str">
        <f t="shared" si="4"/>
        <v>No explanation required</v>
      </c>
    </row>
    <row r="12" spans="2:10" ht="30" x14ac:dyDescent="0.25">
      <c r="B12" s="30" t="s">
        <v>26</v>
      </c>
      <c r="C12" s="67">
        <v>212416</v>
      </c>
      <c r="D12" s="67">
        <v>427815</v>
      </c>
      <c r="E12" s="49">
        <f t="shared" si="0"/>
        <v>215399</v>
      </c>
      <c r="F12" s="48">
        <f t="shared" si="1"/>
        <v>1.0140431982524858</v>
      </c>
      <c r="G12" s="33" t="str">
        <f t="shared" si="2"/>
        <v>Yes</v>
      </c>
      <c r="H12" s="33" t="str">
        <f t="shared" si="3"/>
        <v>Yes</v>
      </c>
      <c r="I12" s="38" t="s">
        <v>27</v>
      </c>
      <c r="J12" s="45" t="str">
        <f t="shared" si="4"/>
        <v>Please explain within the relevant tab</v>
      </c>
    </row>
    <row r="13" spans="2:10" ht="38.25" customHeight="1" thickBot="1" x14ac:dyDescent="0.3">
      <c r="B13" s="31" t="s">
        <v>28</v>
      </c>
      <c r="C13" s="68">
        <f>C7+C8+C9-C10-C11-C12</f>
        <v>531636</v>
      </c>
      <c r="D13" s="68">
        <f>D7+D8+D9-D10-D11-D12</f>
        <v>502272</v>
      </c>
      <c r="E13" s="55"/>
      <c r="F13" s="55"/>
      <c r="G13" s="50"/>
      <c r="H13" s="50"/>
      <c r="I13" s="39" t="s">
        <v>29</v>
      </c>
      <c r="J13" s="45" t="s">
        <v>61</v>
      </c>
    </row>
    <row r="14" spans="2:10" ht="15.75" thickBot="1" x14ac:dyDescent="0.3">
      <c r="B14" s="22"/>
      <c r="C14" s="51" t="s">
        <v>52</v>
      </c>
      <c r="D14" s="51" t="s">
        <v>52</v>
      </c>
      <c r="E14" s="51"/>
      <c r="F14" s="51"/>
      <c r="G14" s="51"/>
      <c r="H14" s="51"/>
      <c r="I14" s="24"/>
      <c r="J14" s="45"/>
    </row>
    <row r="15" spans="2:10" ht="30" x14ac:dyDescent="0.25">
      <c r="B15" s="32" t="s">
        <v>30</v>
      </c>
      <c r="C15" s="69">
        <v>563302</v>
      </c>
      <c r="D15" s="69">
        <v>503772</v>
      </c>
      <c r="E15" s="53"/>
      <c r="F15" s="56"/>
      <c r="G15" s="52"/>
      <c r="H15" s="52"/>
      <c r="I15" s="40" t="s">
        <v>31</v>
      </c>
      <c r="J15" s="44"/>
    </row>
    <row r="16" spans="2:10" ht="30" x14ac:dyDescent="0.25">
      <c r="B16" s="30" t="s">
        <v>32</v>
      </c>
      <c r="C16" s="67">
        <v>824505</v>
      </c>
      <c r="D16" s="67">
        <v>990568</v>
      </c>
      <c r="E16" s="49">
        <f>D16-C16</f>
        <v>166063</v>
      </c>
      <c r="F16" s="48">
        <f t="shared" ref="F16:F17" si="5">IF(AND(C16=0,D16=0),0,IF(C16=0,1,IF(D16=0,-1,(D16-C16)/C16)))</f>
        <v>0.20140933044675291</v>
      </c>
      <c r="G16" s="33" t="str">
        <f t="shared" ref="G16:G17" si="6">IF(E16&gt;100000,"Yes",IF(E16&lt;-100000,"Yes","No"))</f>
        <v>Yes</v>
      </c>
      <c r="H16" s="33" t="str">
        <f t="shared" ref="H16:H17" si="7">IF(F16&gt;15%,"Yes",IF(F16&lt;-15%,"Yes","No"))</f>
        <v>Yes</v>
      </c>
      <c r="I16" s="38" t="s">
        <v>33</v>
      </c>
      <c r="J16" s="45" t="str">
        <f t="shared" ref="J16:J17" si="8">IF(ISBLANK(C16),"Enter figures",IF(G16="Yes","Please explain within the relevant tab",IF(H16="Yes","Please explain within the relevant tab","No explanation required")))</f>
        <v>Please explain within the relevant tab</v>
      </c>
    </row>
    <row r="17" spans="2:10" ht="30.75" thickBot="1" x14ac:dyDescent="0.3">
      <c r="B17" s="31" t="s">
        <v>34</v>
      </c>
      <c r="C17" s="70">
        <v>13123</v>
      </c>
      <c r="D17" s="70">
        <v>0</v>
      </c>
      <c r="E17" s="50">
        <f>D17-C17</f>
        <v>-13123</v>
      </c>
      <c r="F17" s="57">
        <f t="shared" si="5"/>
        <v>-1</v>
      </c>
      <c r="G17" s="34" t="str">
        <f t="shared" si="6"/>
        <v>No</v>
      </c>
      <c r="H17" s="34" t="str">
        <f t="shared" si="7"/>
        <v>Yes</v>
      </c>
      <c r="I17" s="39" t="s">
        <v>35</v>
      </c>
      <c r="J17" s="45" t="str">
        <f t="shared" si="8"/>
        <v>Please explain within the relevant tab</v>
      </c>
    </row>
  </sheetData>
  <mergeCells count="2">
    <mergeCell ref="C5:D5"/>
    <mergeCell ref="B3:I3"/>
  </mergeCells>
  <conditionalFormatting sqref="E8:E12 E16:E17">
    <cfRule type="cellIs" dxfId="6" priority="6" operator="lessThan">
      <formula>-100000</formula>
    </cfRule>
    <cfRule type="cellIs" dxfId="5" priority="7" operator="greaterThan">
      <formula>100000</formula>
    </cfRule>
  </conditionalFormatting>
  <conditionalFormatting sqref="F8:F12 F15:F17">
    <cfRule type="cellIs" dxfId="4" priority="4" operator="lessThan">
      <formula>-0.15</formula>
    </cfRule>
    <cfRule type="cellIs" dxfId="3" priority="5" operator="greaterThan">
      <formula>0.15</formula>
    </cfRule>
  </conditionalFormatting>
  <conditionalFormatting sqref="J8:J12">
    <cfRule type="cellIs" dxfId="2" priority="3" operator="equal">
      <formula>"Please explain within the relevant tab"</formula>
    </cfRule>
  </conditionalFormatting>
  <conditionalFormatting sqref="J13">
    <cfRule type="cellIs" dxfId="1" priority="2" operator="equal">
      <formula>"Please explain in the Reserves tab"</formula>
    </cfRule>
  </conditionalFormatting>
  <conditionalFormatting sqref="J16:J17">
    <cfRule type="cellIs" dxfId="0" priority="1" operator="equal">
      <formula>"Please explain within the relevant tab"</formula>
    </cfRule>
  </conditionalFormatting>
  <pageMargins left="0.7" right="0.7" top="0.75" bottom="0.75" header="0.3" footer="0.3"/>
  <pageSetup paperSize="8" scale="96" orientation="landscape" r:id="rId1"/>
  <customProperties>
    <customPr name="OrphanNamesChecked" r:id="rId2"/>
  </customProperties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E12" sqref="E12:F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3</v>
      </c>
    </row>
    <row r="3" spans="2:6" x14ac:dyDescent="0.25">
      <c r="B3" s="8"/>
    </row>
    <row r="4" spans="2:6" x14ac:dyDescent="0.25">
      <c r="B4" t="s">
        <v>2</v>
      </c>
      <c r="C4" s="35">
        <f>'Accounting Statement'!C8</f>
        <v>354700</v>
      </c>
      <c r="D4" t="s">
        <v>54</v>
      </c>
      <c r="E4" s="35">
        <f>'Accounting Statement'!D8</f>
        <v>381303</v>
      </c>
    </row>
    <row r="6" spans="2:6" x14ac:dyDescent="0.25">
      <c r="D6" t="s">
        <v>5</v>
      </c>
      <c r="E6" s="1">
        <f>E4-C4</f>
        <v>26603</v>
      </c>
    </row>
    <row r="7" spans="2:6" x14ac:dyDescent="0.25">
      <c r="D7" t="s">
        <v>39</v>
      </c>
      <c r="E7" s="6">
        <f>IF(AND(C4=0,E4=0),0,IF(C4=0,1,IF(E4=0,-1,(E4-C4)/C4)))</f>
        <v>7.5001409641950942E-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7</v>
      </c>
    </row>
    <row r="10" spans="2:6" x14ac:dyDescent="0.25">
      <c r="B10" s="8"/>
    </row>
    <row r="11" spans="2:6" s="3" customFormat="1" ht="26.25" x14ac:dyDescent="0.25">
      <c r="B11" s="4" t="s">
        <v>4</v>
      </c>
      <c r="C11" s="4" t="s">
        <v>55</v>
      </c>
      <c r="D11" s="5" t="s">
        <v>5</v>
      </c>
      <c r="E11" s="86" t="s">
        <v>1</v>
      </c>
      <c r="F11" s="87"/>
    </row>
    <row r="12" spans="2:6" s="11" customFormat="1" x14ac:dyDescent="0.25">
      <c r="B12" s="12">
        <v>354700</v>
      </c>
      <c r="C12" s="12">
        <v>381303</v>
      </c>
      <c r="D12" s="13">
        <f t="shared" ref="D12:D25" si="0">C12-B12</f>
        <v>26603</v>
      </c>
      <c r="E12" s="83"/>
      <c r="F12" s="84"/>
    </row>
    <row r="13" spans="2:6" s="11" customFormat="1" x14ac:dyDescent="0.25">
      <c r="B13" s="12"/>
      <c r="C13" s="12"/>
      <c r="D13" s="13">
        <f t="shared" si="0"/>
        <v>0</v>
      </c>
      <c r="E13" s="83"/>
      <c r="F13" s="84"/>
    </row>
    <row r="14" spans="2:6" s="11" customFormat="1" x14ac:dyDescent="0.25">
      <c r="B14" s="12"/>
      <c r="C14" s="12"/>
      <c r="D14" s="13">
        <f t="shared" si="0"/>
        <v>0</v>
      </c>
      <c r="E14" s="83"/>
      <c r="F14" s="84"/>
    </row>
    <row r="15" spans="2:6" s="11" customFormat="1" x14ac:dyDescent="0.25">
      <c r="B15" s="12"/>
      <c r="C15" s="12"/>
      <c r="D15" s="13">
        <f t="shared" si="0"/>
        <v>0</v>
      </c>
      <c r="E15" s="83"/>
      <c r="F15" s="84"/>
    </row>
    <row r="16" spans="2:6" s="11" customFormat="1" x14ac:dyDescent="0.25">
      <c r="B16" s="12"/>
      <c r="C16" s="12"/>
      <c r="D16" s="13">
        <f t="shared" si="0"/>
        <v>0</v>
      </c>
      <c r="E16" s="83"/>
      <c r="F16" s="84"/>
    </row>
    <row r="17" spans="1:8" s="11" customFormat="1" x14ac:dyDescent="0.25">
      <c r="B17" s="12"/>
      <c r="C17" s="12"/>
      <c r="D17" s="13">
        <f t="shared" si="0"/>
        <v>0</v>
      </c>
      <c r="E17" s="83"/>
      <c r="F17" s="84"/>
    </row>
    <row r="18" spans="1:8" s="11" customFormat="1" x14ac:dyDescent="0.25">
      <c r="B18" s="12"/>
      <c r="C18" s="12"/>
      <c r="D18" s="13">
        <f t="shared" si="0"/>
        <v>0</v>
      </c>
      <c r="E18" s="83"/>
      <c r="F18" s="84"/>
    </row>
    <row r="19" spans="1:8" s="11" customFormat="1" x14ac:dyDescent="0.25">
      <c r="B19" s="12"/>
      <c r="C19" s="12"/>
      <c r="D19" s="13">
        <f t="shared" si="0"/>
        <v>0</v>
      </c>
      <c r="E19" s="83"/>
      <c r="F19" s="84"/>
    </row>
    <row r="20" spans="1:8" s="11" customFormat="1" x14ac:dyDescent="0.25">
      <c r="B20" s="12"/>
      <c r="C20" s="12"/>
      <c r="D20" s="13">
        <f t="shared" si="0"/>
        <v>0</v>
      </c>
      <c r="E20" s="83"/>
      <c r="F20" s="84"/>
    </row>
    <row r="21" spans="1:8" s="11" customFormat="1" x14ac:dyDescent="0.25">
      <c r="B21" s="12"/>
      <c r="C21" s="12"/>
      <c r="D21" s="13">
        <f t="shared" si="0"/>
        <v>0</v>
      </c>
      <c r="E21" s="83"/>
      <c r="F21" s="84"/>
    </row>
    <row r="22" spans="1:8" s="11" customFormat="1" x14ac:dyDescent="0.25">
      <c r="B22" s="12"/>
      <c r="C22" s="12"/>
      <c r="D22" s="13">
        <f t="shared" si="0"/>
        <v>0</v>
      </c>
      <c r="E22" s="83"/>
      <c r="F22" s="84"/>
    </row>
    <row r="23" spans="1:8" s="11" customFormat="1" x14ac:dyDescent="0.25">
      <c r="B23" s="12"/>
      <c r="C23" s="12"/>
      <c r="D23" s="13">
        <f t="shared" si="0"/>
        <v>0</v>
      </c>
      <c r="E23" s="83"/>
      <c r="F23" s="84"/>
    </row>
    <row r="24" spans="1:8" s="11" customFormat="1" x14ac:dyDescent="0.25">
      <c r="B24" s="12"/>
      <c r="C24" s="12"/>
      <c r="D24" s="13">
        <f t="shared" si="0"/>
        <v>0</v>
      </c>
      <c r="E24" s="83"/>
      <c r="F24" s="84"/>
    </row>
    <row r="25" spans="1:8" s="11" customFormat="1" x14ac:dyDescent="0.25">
      <c r="B25" s="12"/>
      <c r="C25" s="12"/>
      <c r="D25" s="13">
        <f t="shared" si="0"/>
        <v>0</v>
      </c>
      <c r="E25" s="83"/>
      <c r="F25" s="84"/>
    </row>
    <row r="26" spans="1:8" x14ac:dyDescent="0.25">
      <c r="A26" s="9" t="s">
        <v>0</v>
      </c>
      <c r="B26" s="10">
        <f>SUM(B12:B25)</f>
        <v>354700</v>
      </c>
      <c r="C26" s="10">
        <f>SUM(C12:C25)</f>
        <v>381303</v>
      </c>
      <c r="D26" s="10">
        <f>SUM(D12:D25)</f>
        <v>26603</v>
      </c>
      <c r="E26" s="85"/>
      <c r="F26" s="84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6</v>
      </c>
    </row>
  </sheetData>
  <mergeCells count="16"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2:F22"/>
    <mergeCell ref="E23:F23"/>
    <mergeCell ref="E24:F24"/>
    <mergeCell ref="E25:F25"/>
    <mergeCell ref="E26:F26"/>
  </mergeCells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4"/>
  <sheetViews>
    <sheetView topLeftCell="A13" workbookViewId="0">
      <selection activeCell="E27" sqref="E27:F27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8</v>
      </c>
    </row>
    <row r="3" spans="1:7" x14ac:dyDescent="0.25">
      <c r="B3" s="8"/>
    </row>
    <row r="4" spans="1:7" x14ac:dyDescent="0.25">
      <c r="B4" t="s">
        <v>2</v>
      </c>
      <c r="C4" s="35">
        <f>'Accounting Statement'!C9</f>
        <v>67580</v>
      </c>
      <c r="D4" t="s">
        <v>54</v>
      </c>
      <c r="E4" s="35">
        <f>'Accounting Statement'!D9</f>
        <v>241226</v>
      </c>
    </row>
    <row r="6" spans="1:7" x14ac:dyDescent="0.25">
      <c r="D6" t="s">
        <v>5</v>
      </c>
      <c r="E6" s="1">
        <f>E4-C4</f>
        <v>173646</v>
      </c>
    </row>
    <row r="7" spans="1:7" x14ac:dyDescent="0.25">
      <c r="D7" t="s">
        <v>39</v>
      </c>
      <c r="E7" s="6">
        <f>IF(AND(C4=0,E4=0),0,IF(C4=0,1,IF(E4=0,-1,(E4-C4)/C4)))</f>
        <v>2.5694880142053864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7</v>
      </c>
    </row>
    <row r="10" spans="1:7" x14ac:dyDescent="0.25">
      <c r="B10" s="75" t="s">
        <v>40</v>
      </c>
    </row>
    <row r="11" spans="1:7" x14ac:dyDescent="0.25">
      <c r="B11" s="75" t="s">
        <v>56</v>
      </c>
    </row>
    <row r="12" spans="1:7" x14ac:dyDescent="0.25">
      <c r="B12" s="75"/>
    </row>
    <row r="13" spans="1:7" x14ac:dyDescent="0.25">
      <c r="B13" s="8"/>
    </row>
    <row r="14" spans="1:7" s="3" customFormat="1" ht="26.25" x14ac:dyDescent="0.25">
      <c r="B14" s="4" t="s">
        <v>4</v>
      </c>
      <c r="C14" s="4" t="s">
        <v>55</v>
      </c>
      <c r="D14" s="5" t="s">
        <v>5</v>
      </c>
      <c r="E14" s="86" t="s">
        <v>1</v>
      </c>
      <c r="F14" s="87"/>
    </row>
    <row r="15" spans="1:7" s="17" customFormat="1" x14ac:dyDescent="0.25">
      <c r="A15" s="16"/>
      <c r="B15" s="12">
        <v>0</v>
      </c>
      <c r="C15" s="12">
        <v>78047.820000000007</v>
      </c>
      <c r="D15" s="73">
        <f>C15-B15</f>
        <v>78047.820000000007</v>
      </c>
      <c r="E15" s="83" t="s">
        <v>89</v>
      </c>
      <c r="F15" s="90"/>
      <c r="G15" s="16"/>
    </row>
    <row r="16" spans="1:7" s="11" customFormat="1" x14ac:dyDescent="0.25">
      <c r="B16" s="12">
        <v>0</v>
      </c>
      <c r="C16" s="12">
        <v>41780.76</v>
      </c>
      <c r="D16" s="73">
        <f t="shared" ref="D16:D28" si="0">C16-B16</f>
        <v>41780.76</v>
      </c>
      <c r="E16" s="83" t="s">
        <v>110</v>
      </c>
      <c r="F16" s="84"/>
    </row>
    <row r="17" spans="1:8" s="11" customFormat="1" x14ac:dyDescent="0.25">
      <c r="B17" s="12">
        <v>0</v>
      </c>
      <c r="C17" s="12">
        <v>43700</v>
      </c>
      <c r="D17" s="73">
        <f t="shared" si="0"/>
        <v>43700</v>
      </c>
      <c r="E17" s="83" t="s">
        <v>88</v>
      </c>
      <c r="F17" s="84"/>
    </row>
    <row r="18" spans="1:8" s="11" customFormat="1" x14ac:dyDescent="0.25">
      <c r="B18" s="12">
        <v>6759</v>
      </c>
      <c r="C18" s="12">
        <v>19775</v>
      </c>
      <c r="D18" s="73">
        <f t="shared" si="0"/>
        <v>13016</v>
      </c>
      <c r="E18" s="83" t="s">
        <v>90</v>
      </c>
      <c r="F18" s="84"/>
    </row>
    <row r="19" spans="1:8" s="11" customFormat="1" x14ac:dyDescent="0.25">
      <c r="B19" s="12">
        <v>0</v>
      </c>
      <c r="C19" s="12">
        <v>5725</v>
      </c>
      <c r="D19" s="73">
        <f t="shared" si="0"/>
        <v>5725</v>
      </c>
      <c r="E19" s="83" t="s">
        <v>91</v>
      </c>
      <c r="F19" s="84"/>
    </row>
    <row r="20" spans="1:8" s="11" customFormat="1" ht="38.25" customHeight="1" x14ac:dyDescent="0.25">
      <c r="B20" s="12">
        <v>0</v>
      </c>
      <c r="C20" s="12">
        <v>4444</v>
      </c>
      <c r="D20" s="73">
        <f t="shared" si="0"/>
        <v>4444</v>
      </c>
      <c r="E20" s="88" t="s">
        <v>107</v>
      </c>
      <c r="F20" s="87"/>
    </row>
    <row r="21" spans="1:8" s="11" customFormat="1" x14ac:dyDescent="0.25">
      <c r="B21" s="12">
        <v>13117</v>
      </c>
      <c r="C21" s="12">
        <v>596</v>
      </c>
      <c r="D21" s="73">
        <f t="shared" si="0"/>
        <v>-12521</v>
      </c>
      <c r="E21" s="83" t="s">
        <v>123</v>
      </c>
      <c r="F21" s="84"/>
    </row>
    <row r="22" spans="1:8" s="11" customFormat="1" x14ac:dyDescent="0.25">
      <c r="B22" s="12">
        <v>1957</v>
      </c>
      <c r="C22" s="12">
        <v>0</v>
      </c>
      <c r="D22" s="73">
        <f t="shared" si="0"/>
        <v>-1957</v>
      </c>
      <c r="E22" s="83" t="s">
        <v>115</v>
      </c>
      <c r="F22" s="84"/>
    </row>
    <row r="23" spans="1:8" s="11" customFormat="1" x14ac:dyDescent="0.25">
      <c r="B23" s="12">
        <v>5055</v>
      </c>
      <c r="C23" s="12">
        <v>9502</v>
      </c>
      <c r="D23" s="73">
        <f t="shared" si="0"/>
        <v>4447</v>
      </c>
      <c r="E23" s="83" t="s">
        <v>111</v>
      </c>
      <c r="F23" s="84"/>
    </row>
    <row r="24" spans="1:8" s="11" customFormat="1" ht="28.5" customHeight="1" x14ac:dyDescent="0.25">
      <c r="B24" s="12">
        <v>10473</v>
      </c>
      <c r="C24" s="12">
        <v>4818</v>
      </c>
      <c r="D24" s="73">
        <f t="shared" si="0"/>
        <v>-5655</v>
      </c>
      <c r="E24" s="88" t="s">
        <v>116</v>
      </c>
      <c r="F24" s="89"/>
    </row>
    <row r="25" spans="1:8" s="11" customFormat="1" x14ac:dyDescent="0.25">
      <c r="B25" s="12">
        <v>477</v>
      </c>
      <c r="C25" s="12">
        <v>822</v>
      </c>
      <c r="D25" s="73">
        <f t="shared" si="0"/>
        <v>345</v>
      </c>
      <c r="E25" s="83" t="s">
        <v>112</v>
      </c>
      <c r="F25" s="84"/>
    </row>
    <row r="26" spans="1:8" s="11" customFormat="1" x14ac:dyDescent="0.25">
      <c r="B26" s="12">
        <v>0</v>
      </c>
      <c r="C26" s="12">
        <v>1790</v>
      </c>
      <c r="D26" s="73">
        <f t="shared" si="0"/>
        <v>1790</v>
      </c>
      <c r="E26" s="83" t="s">
        <v>113</v>
      </c>
      <c r="F26" s="84"/>
    </row>
    <row r="27" spans="1:8" s="11" customFormat="1" ht="31.5" customHeight="1" x14ac:dyDescent="0.25">
      <c r="B27" s="12">
        <v>2266</v>
      </c>
      <c r="C27" s="12">
        <v>55</v>
      </c>
      <c r="D27" s="73">
        <f t="shared" si="0"/>
        <v>-2211</v>
      </c>
      <c r="E27" s="88" t="s">
        <v>124</v>
      </c>
      <c r="F27" s="84"/>
    </row>
    <row r="28" spans="1:8" s="11" customFormat="1" x14ac:dyDescent="0.25">
      <c r="B28" s="12">
        <v>0</v>
      </c>
      <c r="C28" s="12">
        <v>2823</v>
      </c>
      <c r="D28" s="73">
        <f t="shared" si="0"/>
        <v>2823</v>
      </c>
      <c r="E28" s="76" t="s">
        <v>114</v>
      </c>
      <c r="F28" s="77"/>
    </row>
    <row r="29" spans="1:8" s="11" customFormat="1" x14ac:dyDescent="0.25">
      <c r="B29" s="12"/>
      <c r="C29" s="12"/>
      <c r="D29" s="73"/>
      <c r="E29" s="76"/>
      <c r="F29" s="77"/>
    </row>
    <row r="30" spans="1:8" s="11" customFormat="1" x14ac:dyDescent="0.25">
      <c r="B30" s="12"/>
      <c r="C30" s="12"/>
      <c r="D30" s="73"/>
      <c r="E30" s="83"/>
      <c r="F30" s="84"/>
    </row>
    <row r="31" spans="1:8" x14ac:dyDescent="0.25">
      <c r="A31" s="9" t="s">
        <v>0</v>
      </c>
      <c r="B31" s="10">
        <f>SUM(B15:B30)</f>
        <v>40104</v>
      </c>
      <c r="C31" s="10">
        <f>SUM(C15:C30)</f>
        <v>213878.58000000002</v>
      </c>
      <c r="D31" s="74">
        <f>SUM(D15:D30)</f>
        <v>173774.58000000002</v>
      </c>
      <c r="E31" s="85"/>
      <c r="F31" s="84"/>
      <c r="G31" s="7"/>
    </row>
    <row r="32" spans="1:8" x14ac:dyDescent="0.25">
      <c r="H32" s="2"/>
    </row>
    <row r="33" spans="1:6" x14ac:dyDescent="0.25">
      <c r="F33" s="7"/>
    </row>
    <row r="34" spans="1:6" x14ac:dyDescent="0.25">
      <c r="A34" s="14" t="s">
        <v>6</v>
      </c>
    </row>
  </sheetData>
  <mergeCells count="16">
    <mergeCell ref="E24:F24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E25:F25"/>
    <mergeCell ref="E26:F26"/>
    <mergeCell ref="E30:F30"/>
    <mergeCell ref="E31:F31"/>
    <mergeCell ref="E27:F27"/>
  </mergeCells>
  <pageMargins left="0.7" right="0.7" top="0.75" bottom="0.75" header="0.3" footer="0.3"/>
  <pageSetup paperSize="9" scale="87" orientation="landscape" r:id="rId1"/>
  <customProperties>
    <customPr name="OrphanNamesChecked" r:id="rId2"/>
  </customProperties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1"/>
  <sheetViews>
    <sheetView workbookViewId="0">
      <selection activeCell="B10" sqref="B10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9</v>
      </c>
    </row>
    <row r="3" spans="1:7" x14ac:dyDescent="0.25">
      <c r="B3" s="8"/>
    </row>
    <row r="4" spans="1:7" x14ac:dyDescent="0.25">
      <c r="B4" t="s">
        <v>2</v>
      </c>
      <c r="C4" s="35">
        <f>'Accounting Statement'!C10</f>
        <v>183233</v>
      </c>
      <c r="D4" t="s">
        <v>54</v>
      </c>
      <c r="E4" s="35">
        <f>'Accounting Statement'!D10</f>
        <v>210498</v>
      </c>
    </row>
    <row r="6" spans="1:7" x14ac:dyDescent="0.25">
      <c r="D6" t="s">
        <v>5</v>
      </c>
      <c r="E6" s="1">
        <f>E4-C4</f>
        <v>27265</v>
      </c>
    </row>
    <row r="7" spans="1:7" x14ac:dyDescent="0.25">
      <c r="D7" t="s">
        <v>39</v>
      </c>
      <c r="E7" s="6">
        <f>IF(AND(C4=0,E4=0),0,IF(C4=0,1,IF(E4=0,-1,(E4-C4)/C4)))</f>
        <v>0.14879961578973219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7</v>
      </c>
    </row>
    <row r="10" spans="1:7" x14ac:dyDescent="0.25">
      <c r="B10" s="75" t="s">
        <v>65</v>
      </c>
    </row>
    <row r="11" spans="1:7" x14ac:dyDescent="0.25">
      <c r="B11" s="8"/>
    </row>
    <row r="12" spans="1:7" s="3" customFormat="1" ht="26.25" x14ac:dyDescent="0.25">
      <c r="B12" s="4" t="s">
        <v>4</v>
      </c>
      <c r="C12" s="4" t="s">
        <v>55</v>
      </c>
      <c r="D12" s="5" t="s">
        <v>5</v>
      </c>
      <c r="E12" s="86" t="s">
        <v>1</v>
      </c>
      <c r="F12" s="87"/>
    </row>
    <row r="13" spans="1:7" s="17" customFormat="1" x14ac:dyDescent="0.25">
      <c r="A13" s="16"/>
      <c r="B13" s="13"/>
      <c r="C13" s="13"/>
      <c r="D13" s="13">
        <f>C13-B13</f>
        <v>0</v>
      </c>
      <c r="E13" s="91"/>
      <c r="F13" s="90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83"/>
      <c r="F14" s="84"/>
    </row>
    <row r="15" spans="1:7" s="11" customFormat="1" x14ac:dyDescent="0.25">
      <c r="B15" s="12"/>
      <c r="C15" s="12"/>
      <c r="D15" s="13">
        <f t="shared" si="0"/>
        <v>0</v>
      </c>
      <c r="E15" s="83"/>
      <c r="F15" s="84"/>
    </row>
    <row r="16" spans="1:7" s="11" customFormat="1" x14ac:dyDescent="0.25">
      <c r="B16" s="12"/>
      <c r="C16" s="12"/>
      <c r="D16" s="13">
        <f t="shared" si="0"/>
        <v>0</v>
      </c>
      <c r="E16" s="83"/>
      <c r="F16" s="84"/>
    </row>
    <row r="17" spans="1:8" s="11" customFormat="1" x14ac:dyDescent="0.25">
      <c r="B17" s="12"/>
      <c r="C17" s="12"/>
      <c r="D17" s="13">
        <f t="shared" si="0"/>
        <v>0</v>
      </c>
      <c r="E17" s="83"/>
      <c r="F17" s="84"/>
    </row>
    <row r="18" spans="1:8" s="11" customFormat="1" x14ac:dyDescent="0.25">
      <c r="B18" s="12"/>
      <c r="C18" s="12"/>
      <c r="D18" s="13">
        <f t="shared" si="0"/>
        <v>0</v>
      </c>
      <c r="E18" s="83"/>
      <c r="F18" s="84"/>
    </row>
    <row r="19" spans="1:8" s="11" customFormat="1" x14ac:dyDescent="0.25">
      <c r="B19" s="12"/>
      <c r="C19" s="12"/>
      <c r="D19" s="13">
        <f t="shared" si="0"/>
        <v>0</v>
      </c>
      <c r="E19" s="83"/>
      <c r="F19" s="84"/>
    </row>
    <row r="20" spans="1:8" s="11" customFormat="1" x14ac:dyDescent="0.25">
      <c r="B20" s="12"/>
      <c r="C20" s="12"/>
      <c r="D20" s="13">
        <f t="shared" si="0"/>
        <v>0</v>
      </c>
      <c r="E20" s="83"/>
      <c r="F20" s="84"/>
    </row>
    <row r="21" spans="1:8" s="11" customFormat="1" x14ac:dyDescent="0.25">
      <c r="B21" s="12"/>
      <c r="C21" s="12"/>
      <c r="D21" s="13">
        <f t="shared" si="0"/>
        <v>0</v>
      </c>
      <c r="E21" s="83"/>
      <c r="F21" s="84"/>
    </row>
    <row r="22" spans="1:8" s="11" customFormat="1" x14ac:dyDescent="0.25">
      <c r="B22" s="12"/>
      <c r="C22" s="12"/>
      <c r="D22" s="13">
        <f t="shared" si="0"/>
        <v>0</v>
      </c>
      <c r="E22" s="83"/>
      <c r="F22" s="84"/>
    </row>
    <row r="23" spans="1:8" s="11" customFormat="1" x14ac:dyDescent="0.25">
      <c r="B23" s="12"/>
      <c r="C23" s="12"/>
      <c r="D23" s="13">
        <f t="shared" si="0"/>
        <v>0</v>
      </c>
      <c r="E23" s="83"/>
      <c r="F23" s="84"/>
    </row>
    <row r="24" spans="1:8" s="11" customFormat="1" x14ac:dyDescent="0.25">
      <c r="B24" s="12"/>
      <c r="C24" s="12"/>
      <c r="D24" s="13">
        <f t="shared" si="0"/>
        <v>0</v>
      </c>
      <c r="E24" s="83"/>
      <c r="F24" s="84"/>
    </row>
    <row r="25" spans="1:8" s="11" customFormat="1" x14ac:dyDescent="0.25">
      <c r="B25" s="12"/>
      <c r="C25" s="12"/>
      <c r="D25" s="13">
        <f t="shared" si="0"/>
        <v>0</v>
      </c>
      <c r="E25" s="83"/>
      <c r="F25" s="84"/>
    </row>
    <row r="26" spans="1:8" s="11" customFormat="1" x14ac:dyDescent="0.25">
      <c r="B26" s="12"/>
      <c r="C26" s="12"/>
      <c r="D26" s="13">
        <f t="shared" si="0"/>
        <v>0</v>
      </c>
      <c r="E26" s="83"/>
      <c r="F26" s="84"/>
    </row>
    <row r="27" spans="1:8" s="11" customFormat="1" x14ac:dyDescent="0.25">
      <c r="B27" s="12"/>
      <c r="C27" s="12"/>
      <c r="D27" s="13">
        <f t="shared" si="0"/>
        <v>0</v>
      </c>
      <c r="E27" s="83"/>
      <c r="F27" s="84"/>
    </row>
    <row r="28" spans="1:8" x14ac:dyDescent="0.25">
      <c r="A28" s="9" t="s">
        <v>0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5"/>
      <c r="F28" s="84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6</v>
      </c>
    </row>
  </sheetData>
  <mergeCells count="17"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4:F24"/>
    <mergeCell ref="E25:F25"/>
    <mergeCell ref="E26:F26"/>
    <mergeCell ref="E27:F27"/>
    <mergeCell ref="E28:F28"/>
  </mergeCells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D6" sqref="D6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0</v>
      </c>
    </row>
    <row r="3" spans="1:7" x14ac:dyDescent="0.25">
      <c r="B3" s="8"/>
    </row>
    <row r="4" spans="1:7" x14ac:dyDescent="0.25">
      <c r="B4" t="s">
        <v>2</v>
      </c>
      <c r="C4" s="35">
        <f>'Accounting Statement'!C11</f>
        <v>13580</v>
      </c>
      <c r="D4" t="s">
        <v>54</v>
      </c>
      <c r="E4" s="35">
        <f>'Accounting Statement'!D11</f>
        <v>13580</v>
      </c>
    </row>
    <row r="6" spans="1:7" x14ac:dyDescent="0.25">
      <c r="D6" t="s">
        <v>5</v>
      </c>
      <c r="E6" s="1">
        <f>E4-C4</f>
        <v>0</v>
      </c>
    </row>
    <row r="7" spans="1:7" x14ac:dyDescent="0.25">
      <c r="D7" t="s">
        <v>39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7</v>
      </c>
    </row>
    <row r="10" spans="1:7" x14ac:dyDescent="0.25">
      <c r="B10" s="8"/>
    </row>
    <row r="11" spans="1:7" s="3" customFormat="1" ht="26.25" x14ac:dyDescent="0.25">
      <c r="B11" s="4" t="s">
        <v>4</v>
      </c>
      <c r="C11" s="4" t="s">
        <v>55</v>
      </c>
      <c r="D11" s="5" t="s">
        <v>5</v>
      </c>
      <c r="E11" s="86" t="s">
        <v>1</v>
      </c>
      <c r="F11" s="87"/>
    </row>
    <row r="12" spans="1:7" s="17" customFormat="1" x14ac:dyDescent="0.25">
      <c r="A12" s="16"/>
      <c r="B12" s="13"/>
      <c r="C12" s="13"/>
      <c r="D12" s="13">
        <f>C12-B12</f>
        <v>0</v>
      </c>
      <c r="E12" s="91"/>
      <c r="F12" s="90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83"/>
      <c r="F13" s="84"/>
    </row>
    <row r="14" spans="1:7" s="11" customFormat="1" x14ac:dyDescent="0.25">
      <c r="B14" s="12"/>
      <c r="C14" s="12"/>
      <c r="D14" s="13">
        <f t="shared" si="0"/>
        <v>0</v>
      </c>
      <c r="E14" s="83"/>
      <c r="F14" s="84"/>
    </row>
    <row r="15" spans="1:7" s="11" customFormat="1" x14ac:dyDescent="0.25">
      <c r="B15" s="12"/>
      <c r="C15" s="12"/>
      <c r="D15" s="13">
        <f t="shared" si="0"/>
        <v>0</v>
      </c>
      <c r="E15" s="83"/>
      <c r="F15" s="84"/>
    </row>
    <row r="16" spans="1:7" s="11" customFormat="1" x14ac:dyDescent="0.25">
      <c r="B16" s="12"/>
      <c r="C16" s="12"/>
      <c r="D16" s="13">
        <f t="shared" si="0"/>
        <v>0</v>
      </c>
      <c r="E16" s="83"/>
      <c r="F16" s="84"/>
    </row>
    <row r="17" spans="1:8" s="11" customFormat="1" x14ac:dyDescent="0.25">
      <c r="B17" s="12"/>
      <c r="C17" s="12"/>
      <c r="D17" s="13">
        <f t="shared" si="0"/>
        <v>0</v>
      </c>
      <c r="E17" s="83"/>
      <c r="F17" s="84"/>
    </row>
    <row r="18" spans="1:8" s="11" customFormat="1" x14ac:dyDescent="0.25">
      <c r="B18" s="12"/>
      <c r="C18" s="12"/>
      <c r="D18" s="13">
        <f t="shared" si="0"/>
        <v>0</v>
      </c>
      <c r="E18" s="83"/>
      <c r="F18" s="84"/>
    </row>
    <row r="19" spans="1:8" s="11" customFormat="1" x14ac:dyDescent="0.25">
      <c r="B19" s="12"/>
      <c r="C19" s="12"/>
      <c r="D19" s="13">
        <f t="shared" si="0"/>
        <v>0</v>
      </c>
      <c r="E19" s="83"/>
      <c r="F19" s="84"/>
    </row>
    <row r="20" spans="1:8" s="11" customFormat="1" x14ac:dyDescent="0.25">
      <c r="B20" s="12"/>
      <c r="C20" s="12"/>
      <c r="D20" s="13">
        <f t="shared" si="0"/>
        <v>0</v>
      </c>
      <c r="E20" s="83"/>
      <c r="F20" s="84"/>
    </row>
    <row r="21" spans="1:8" s="11" customFormat="1" x14ac:dyDescent="0.25">
      <c r="B21" s="12"/>
      <c r="C21" s="12"/>
      <c r="D21" s="13">
        <f t="shared" si="0"/>
        <v>0</v>
      </c>
      <c r="E21" s="83"/>
      <c r="F21" s="84"/>
    </row>
    <row r="22" spans="1:8" s="11" customFormat="1" x14ac:dyDescent="0.25">
      <c r="B22" s="12"/>
      <c r="C22" s="12"/>
      <c r="D22" s="13">
        <f t="shared" si="0"/>
        <v>0</v>
      </c>
      <c r="E22" s="83"/>
      <c r="F22" s="84"/>
    </row>
    <row r="23" spans="1:8" s="11" customFormat="1" x14ac:dyDescent="0.25">
      <c r="B23" s="12"/>
      <c r="C23" s="12"/>
      <c r="D23" s="13">
        <f t="shared" si="0"/>
        <v>0</v>
      </c>
      <c r="E23" s="83"/>
      <c r="F23" s="84"/>
    </row>
    <row r="24" spans="1:8" s="11" customFormat="1" x14ac:dyDescent="0.25">
      <c r="B24" s="12"/>
      <c r="C24" s="12"/>
      <c r="D24" s="13">
        <f t="shared" si="0"/>
        <v>0</v>
      </c>
      <c r="E24" s="83"/>
      <c r="F24" s="84"/>
    </row>
    <row r="25" spans="1:8" s="11" customFormat="1" x14ac:dyDescent="0.25">
      <c r="B25" s="12"/>
      <c r="C25" s="12"/>
      <c r="D25" s="13">
        <f t="shared" si="0"/>
        <v>0</v>
      </c>
      <c r="E25" s="83"/>
      <c r="F25" s="84"/>
    </row>
    <row r="26" spans="1:8" s="11" customFormat="1" x14ac:dyDescent="0.25">
      <c r="B26" s="12"/>
      <c r="C26" s="12"/>
      <c r="D26" s="13">
        <f t="shared" si="0"/>
        <v>0</v>
      </c>
      <c r="E26" s="83"/>
      <c r="F26" s="84"/>
    </row>
    <row r="27" spans="1:8" x14ac:dyDescent="0.25">
      <c r="A27" s="9" t="s">
        <v>0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5"/>
      <c r="F27" s="84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6</v>
      </c>
    </row>
  </sheetData>
  <mergeCells count="17"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</mergeCells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2"/>
  <sheetViews>
    <sheetView topLeftCell="A10" workbookViewId="0">
      <selection activeCell="E25" sqref="E25:F2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0.28515625" customWidth="1"/>
  </cols>
  <sheetData>
    <row r="1" spans="1:8" x14ac:dyDescent="0.25">
      <c r="B1" s="15" t="s">
        <v>11</v>
      </c>
    </row>
    <row r="3" spans="1:8" x14ac:dyDescent="0.25">
      <c r="B3" s="8"/>
    </row>
    <row r="4" spans="1:8" x14ac:dyDescent="0.25">
      <c r="B4" t="s">
        <v>2</v>
      </c>
      <c r="C4" s="35">
        <f>'Accounting Statement'!C12</f>
        <v>212416</v>
      </c>
      <c r="D4" t="s">
        <v>54</v>
      </c>
      <c r="E4" s="35">
        <f>'Accounting Statement'!D12</f>
        <v>427815</v>
      </c>
    </row>
    <row r="6" spans="1:8" x14ac:dyDescent="0.25">
      <c r="D6" t="s">
        <v>5</v>
      </c>
      <c r="E6" s="1">
        <f>E4-C4</f>
        <v>215399</v>
      </c>
    </row>
    <row r="7" spans="1:8" x14ac:dyDescent="0.25">
      <c r="D7" t="s">
        <v>39</v>
      </c>
      <c r="E7" s="6">
        <f>IF(AND(C4=0,E4=0),0,IF(C4=0,1,IF(E4=0,-1,(E4-C4)/C4)))</f>
        <v>1.0140431982524858</v>
      </c>
      <c r="F7" t="str">
        <f>IF(E7&lt;-0.15,"yes explain",IF(E7&gt;0.15,"Yes explain","No explanation required"))</f>
        <v>Yes explain</v>
      </c>
    </row>
    <row r="9" spans="1:8" x14ac:dyDescent="0.25">
      <c r="B9" s="8" t="s">
        <v>7</v>
      </c>
    </row>
    <row r="10" spans="1:8" ht="15.75" x14ac:dyDescent="0.3">
      <c r="B10" s="18" t="s">
        <v>41</v>
      </c>
    </row>
    <row r="11" spans="1:8" x14ac:dyDescent="0.25">
      <c r="B11" s="75" t="s">
        <v>56</v>
      </c>
    </row>
    <row r="12" spans="1:8" x14ac:dyDescent="0.25">
      <c r="B12" s="8"/>
    </row>
    <row r="13" spans="1:8" s="3" customFormat="1" ht="26.25" x14ac:dyDescent="0.25">
      <c r="B13" s="4" t="s">
        <v>4</v>
      </c>
      <c r="C13" s="4" t="s">
        <v>55</v>
      </c>
      <c r="D13" s="5" t="s">
        <v>5</v>
      </c>
      <c r="E13" s="86" t="s">
        <v>1</v>
      </c>
      <c r="F13" s="87"/>
      <c r="G13" s="86" t="s">
        <v>57</v>
      </c>
      <c r="H13" s="87"/>
    </row>
    <row r="14" spans="1:8" s="17" customFormat="1" x14ac:dyDescent="0.25">
      <c r="A14" s="16"/>
      <c r="B14" s="13">
        <v>83</v>
      </c>
      <c r="C14" s="13">
        <v>123178</v>
      </c>
      <c r="D14" s="73">
        <f>C14-B14</f>
        <v>123095</v>
      </c>
      <c r="E14" s="83" t="s">
        <v>92</v>
      </c>
      <c r="F14" s="92"/>
      <c r="G14" s="16"/>
    </row>
    <row r="15" spans="1:8" s="11" customFormat="1" x14ac:dyDescent="0.25">
      <c r="B15" s="12">
        <v>0</v>
      </c>
      <c r="C15" s="12">
        <v>66664</v>
      </c>
      <c r="D15" s="73">
        <f t="shared" ref="D15:D28" si="0">C15-B15</f>
        <v>66664</v>
      </c>
      <c r="E15" s="83" t="s">
        <v>93</v>
      </c>
      <c r="F15" s="84"/>
      <c r="G15" s="11" t="s">
        <v>95</v>
      </c>
    </row>
    <row r="16" spans="1:8" s="11" customFormat="1" x14ac:dyDescent="0.25">
      <c r="B16" s="12">
        <v>8901</v>
      </c>
      <c r="C16" s="12">
        <v>33032</v>
      </c>
      <c r="D16" s="73">
        <f t="shared" si="0"/>
        <v>24131</v>
      </c>
      <c r="E16" s="83" t="s">
        <v>94</v>
      </c>
      <c r="F16" s="84"/>
    </row>
    <row r="17" spans="1:8" s="11" customFormat="1" x14ac:dyDescent="0.25">
      <c r="B17" s="12">
        <v>0</v>
      </c>
      <c r="C17" s="12">
        <v>4465</v>
      </c>
      <c r="D17" s="73">
        <f t="shared" si="0"/>
        <v>4465</v>
      </c>
      <c r="E17" s="83" t="s">
        <v>98</v>
      </c>
      <c r="F17" s="84"/>
      <c r="G17" s="11" t="s">
        <v>103</v>
      </c>
    </row>
    <row r="18" spans="1:8" s="11" customFormat="1" ht="32.25" customHeight="1" x14ac:dyDescent="0.25">
      <c r="B18" s="12">
        <v>8766</v>
      </c>
      <c r="C18" s="12">
        <v>4108</v>
      </c>
      <c r="D18" s="73">
        <f t="shared" si="0"/>
        <v>-4658</v>
      </c>
      <c r="E18" s="88" t="s">
        <v>104</v>
      </c>
      <c r="F18" s="87"/>
      <c r="G18" s="11" t="s">
        <v>105</v>
      </c>
    </row>
    <row r="19" spans="1:8" s="11" customFormat="1" x14ac:dyDescent="0.25">
      <c r="B19" s="12">
        <v>0</v>
      </c>
      <c r="C19" s="12">
        <v>3581</v>
      </c>
      <c r="D19" s="73">
        <f t="shared" si="0"/>
        <v>3581</v>
      </c>
      <c r="E19" s="83" t="s">
        <v>96</v>
      </c>
      <c r="F19" s="84"/>
      <c r="G19" s="11" t="s">
        <v>95</v>
      </c>
    </row>
    <row r="20" spans="1:8" s="11" customFormat="1" x14ac:dyDescent="0.25">
      <c r="B20" s="12">
        <v>0</v>
      </c>
      <c r="C20" s="12">
        <v>1785</v>
      </c>
      <c r="D20" s="73">
        <f t="shared" si="0"/>
        <v>1785</v>
      </c>
      <c r="E20" s="83" t="s">
        <v>100</v>
      </c>
      <c r="F20" s="84"/>
      <c r="G20" s="11" t="s">
        <v>95</v>
      </c>
    </row>
    <row r="21" spans="1:8" s="11" customFormat="1" x14ac:dyDescent="0.25">
      <c r="B21" s="12"/>
      <c r="C21" s="12"/>
      <c r="D21" s="73">
        <f t="shared" si="0"/>
        <v>0</v>
      </c>
      <c r="E21" s="83"/>
      <c r="F21" s="84"/>
    </row>
    <row r="22" spans="1:8" s="11" customFormat="1" x14ac:dyDescent="0.25">
      <c r="B22" s="12"/>
      <c r="C22" s="12"/>
      <c r="D22" s="73">
        <f t="shared" si="0"/>
        <v>0</v>
      </c>
      <c r="E22" s="83"/>
      <c r="F22" s="84"/>
    </row>
    <row r="23" spans="1:8" s="11" customFormat="1" x14ac:dyDescent="0.25">
      <c r="B23" s="12"/>
      <c r="C23" s="12"/>
      <c r="D23" s="73">
        <f t="shared" si="0"/>
        <v>0</v>
      </c>
      <c r="E23" s="83"/>
      <c r="F23" s="84"/>
    </row>
    <row r="24" spans="1:8" s="11" customFormat="1" x14ac:dyDescent="0.25">
      <c r="B24" s="12"/>
      <c r="C24" s="12"/>
      <c r="D24" s="73">
        <f t="shared" si="0"/>
        <v>0</v>
      </c>
      <c r="E24" s="83"/>
      <c r="F24" s="84"/>
    </row>
    <row r="25" spans="1:8" s="11" customFormat="1" x14ac:dyDescent="0.25">
      <c r="B25" s="12"/>
      <c r="C25" s="12"/>
      <c r="D25" s="73">
        <f t="shared" si="0"/>
        <v>0</v>
      </c>
      <c r="E25" s="83"/>
      <c r="F25" s="84"/>
    </row>
    <row r="26" spans="1:8" s="11" customFormat="1" x14ac:dyDescent="0.25">
      <c r="B26" s="12"/>
      <c r="C26" s="12"/>
      <c r="D26" s="73">
        <f t="shared" si="0"/>
        <v>0</v>
      </c>
      <c r="E26" s="83"/>
      <c r="F26" s="84"/>
    </row>
    <row r="27" spans="1:8" s="11" customFormat="1" x14ac:dyDescent="0.25">
      <c r="B27" s="12"/>
      <c r="C27" s="12"/>
      <c r="D27" s="73">
        <f t="shared" si="0"/>
        <v>0</v>
      </c>
      <c r="E27" s="83"/>
      <c r="F27" s="84"/>
    </row>
    <row r="28" spans="1:8" s="11" customFormat="1" x14ac:dyDescent="0.25">
      <c r="B28" s="12"/>
      <c r="C28" s="12"/>
      <c r="D28" s="73">
        <f t="shared" si="0"/>
        <v>0</v>
      </c>
      <c r="E28" s="83"/>
      <c r="F28" s="84"/>
    </row>
    <row r="29" spans="1:8" x14ac:dyDescent="0.25">
      <c r="A29" s="9" t="s">
        <v>0</v>
      </c>
      <c r="B29" s="10">
        <f>SUM(B14:B28)</f>
        <v>17750</v>
      </c>
      <c r="C29" s="10">
        <f>SUM(C14:C28)</f>
        <v>236813</v>
      </c>
      <c r="D29" s="74">
        <f>SUM(D14:D28)</f>
        <v>219063</v>
      </c>
      <c r="E29" s="85"/>
      <c r="F29" s="84"/>
      <c r="G29" s="7"/>
    </row>
    <row r="30" spans="1:8" x14ac:dyDescent="0.25">
      <c r="H30" s="2"/>
    </row>
    <row r="31" spans="1:8" x14ac:dyDescent="0.25">
      <c r="F31" s="7"/>
    </row>
    <row r="32" spans="1:8" x14ac:dyDescent="0.25">
      <c r="A32" s="14" t="s">
        <v>6</v>
      </c>
    </row>
  </sheetData>
  <mergeCells count="18">
    <mergeCell ref="E29:F29"/>
    <mergeCell ref="E24:F24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  <mergeCell ref="E23:F23"/>
    <mergeCell ref="G13:H13"/>
    <mergeCell ref="E25:F25"/>
    <mergeCell ref="E26:F26"/>
    <mergeCell ref="E27:F27"/>
    <mergeCell ref="E28:F28"/>
  </mergeCells>
  <pageMargins left="0.7" right="0.7" top="0.75" bottom="0.75" header="0.3" footer="0.3"/>
  <pageSetup paperSize="9" scale="87" orientation="landscape" r:id="rId1"/>
  <customProperties>
    <customPr name="OrphanNamesChecked" r:id="rId2"/>
  </customProperties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40"/>
  <sheetViews>
    <sheetView topLeftCell="A25" workbookViewId="0">
      <selection activeCell="K38" sqref="K38"/>
    </sheetView>
  </sheetViews>
  <sheetFormatPr defaultColWidth="9.140625" defaultRowHeight="16.5" x14ac:dyDescent="0.3"/>
  <cols>
    <col min="1" max="1" width="6.85546875" style="58" bestFit="1" customWidth="1"/>
    <col min="2" max="2" width="11.28515625" style="58" customWidth="1"/>
    <col min="3" max="3" width="10.7109375" style="58" customWidth="1"/>
    <col min="4" max="4" width="10.42578125" style="58" bestFit="1" customWidth="1"/>
    <col min="5" max="5" width="9.85546875" style="58" customWidth="1"/>
    <col min="6" max="6" width="12.5703125" style="58" customWidth="1"/>
    <col min="7" max="16384" width="9.140625" style="58"/>
  </cols>
  <sheetData>
    <row r="1" spans="2:7" x14ac:dyDescent="0.3">
      <c r="B1" s="63" t="s">
        <v>45</v>
      </c>
    </row>
    <row r="3" spans="2:7" x14ac:dyDescent="0.3">
      <c r="B3" s="59"/>
    </row>
    <row r="4" spans="2:7" x14ac:dyDescent="0.3">
      <c r="B4" s="58" t="s">
        <v>46</v>
      </c>
      <c r="C4" s="64">
        <f>'Accounting Statement'!D13</f>
        <v>502272</v>
      </c>
      <c r="D4" s="58" t="s">
        <v>47</v>
      </c>
      <c r="E4" s="64">
        <f>'Accounting Statement'!D8</f>
        <v>381303</v>
      </c>
    </row>
    <row r="6" spans="2:7" x14ac:dyDescent="0.3">
      <c r="D6" s="65"/>
    </row>
    <row r="7" spans="2:7" x14ac:dyDescent="0.3">
      <c r="E7" s="66"/>
    </row>
    <row r="8" spans="2:7" x14ac:dyDescent="0.3">
      <c r="E8" s="59" t="s">
        <v>48</v>
      </c>
      <c r="F8" s="59" t="s">
        <v>48</v>
      </c>
      <c r="G8" s="59" t="s">
        <v>48</v>
      </c>
    </row>
    <row r="9" spans="2:7" x14ac:dyDescent="0.3">
      <c r="B9" s="59" t="s">
        <v>49</v>
      </c>
    </row>
    <row r="10" spans="2:7" x14ac:dyDescent="0.3">
      <c r="C10" s="60" t="s">
        <v>66</v>
      </c>
      <c r="E10" s="60">
        <v>-1976</v>
      </c>
    </row>
    <row r="11" spans="2:7" x14ac:dyDescent="0.3">
      <c r="C11" s="60" t="s">
        <v>67</v>
      </c>
      <c r="E11" s="78">
        <v>9982</v>
      </c>
    </row>
    <row r="12" spans="2:7" x14ac:dyDescent="0.3">
      <c r="C12" s="60" t="s">
        <v>68</v>
      </c>
      <c r="E12" s="60">
        <v>3911</v>
      </c>
    </row>
    <row r="13" spans="2:7" x14ac:dyDescent="0.3">
      <c r="C13" s="60" t="s">
        <v>69</v>
      </c>
      <c r="E13" s="60">
        <v>58096</v>
      </c>
    </row>
    <row r="14" spans="2:7" x14ac:dyDescent="0.3">
      <c r="C14" s="60" t="s">
        <v>70</v>
      </c>
      <c r="E14" s="60">
        <v>43365</v>
      </c>
    </row>
    <row r="15" spans="2:7" x14ac:dyDescent="0.3">
      <c r="C15" s="60" t="s">
        <v>71</v>
      </c>
      <c r="E15" s="78">
        <v>55573</v>
      </c>
    </row>
    <row r="16" spans="2:7" x14ac:dyDescent="0.3">
      <c r="C16" s="60" t="s">
        <v>72</v>
      </c>
      <c r="E16" s="78">
        <v>13499</v>
      </c>
    </row>
    <row r="17" spans="3:5" x14ac:dyDescent="0.3">
      <c r="C17" s="60" t="s">
        <v>73</v>
      </c>
      <c r="E17" s="78">
        <v>854</v>
      </c>
    </row>
    <row r="18" spans="3:5" x14ac:dyDescent="0.3">
      <c r="C18" s="60" t="s">
        <v>74</v>
      </c>
      <c r="E18" s="78">
        <v>9708</v>
      </c>
    </row>
    <row r="19" spans="3:5" x14ac:dyDescent="0.3">
      <c r="C19" s="60" t="s">
        <v>73</v>
      </c>
      <c r="E19" s="78">
        <v>4111</v>
      </c>
    </row>
    <row r="20" spans="3:5" x14ac:dyDescent="0.3">
      <c r="C20" s="60" t="s">
        <v>75</v>
      </c>
      <c r="E20" s="78">
        <v>3709</v>
      </c>
    </row>
    <row r="21" spans="3:5" x14ac:dyDescent="0.3">
      <c r="C21" s="60" t="s">
        <v>76</v>
      </c>
      <c r="E21" s="78">
        <v>2478</v>
      </c>
    </row>
    <row r="22" spans="3:5" x14ac:dyDescent="0.3">
      <c r="C22" s="60" t="s">
        <v>77</v>
      </c>
      <c r="E22" s="78">
        <v>7046</v>
      </c>
    </row>
    <row r="23" spans="3:5" x14ac:dyDescent="0.3">
      <c r="C23" s="60" t="s">
        <v>78</v>
      </c>
      <c r="E23" s="78">
        <v>86511</v>
      </c>
    </row>
    <row r="24" spans="3:5" x14ac:dyDescent="0.3">
      <c r="C24" s="60" t="s">
        <v>79</v>
      </c>
      <c r="E24" s="78">
        <v>5000</v>
      </c>
    </row>
    <row r="25" spans="3:5" x14ac:dyDescent="0.3">
      <c r="C25" s="60" t="s">
        <v>80</v>
      </c>
      <c r="E25" s="78">
        <v>4444</v>
      </c>
    </row>
    <row r="26" spans="3:5" x14ac:dyDescent="0.3">
      <c r="C26" s="60" t="s">
        <v>81</v>
      </c>
      <c r="E26" s="78">
        <v>3928</v>
      </c>
    </row>
    <row r="27" spans="3:5" x14ac:dyDescent="0.3">
      <c r="C27" s="60" t="s">
        <v>82</v>
      </c>
      <c r="E27" s="78">
        <v>-3036</v>
      </c>
    </row>
    <row r="28" spans="3:5" x14ac:dyDescent="0.3">
      <c r="C28" s="60" t="s">
        <v>83</v>
      </c>
      <c r="E28" s="78">
        <v>574</v>
      </c>
    </row>
    <row r="29" spans="3:5" x14ac:dyDescent="0.3">
      <c r="C29" s="60" t="s">
        <v>84</v>
      </c>
      <c r="E29" s="78">
        <v>5000</v>
      </c>
    </row>
    <row r="30" spans="3:5" x14ac:dyDescent="0.3">
      <c r="C30" s="60" t="s">
        <v>85</v>
      </c>
      <c r="E30" s="78">
        <v>23805</v>
      </c>
    </row>
    <row r="31" spans="3:5" x14ac:dyDescent="0.3">
      <c r="C31" s="60" t="s">
        <v>86</v>
      </c>
      <c r="E31" s="78">
        <v>13117</v>
      </c>
    </row>
    <row r="32" spans="3:5" x14ac:dyDescent="0.3">
      <c r="C32" s="60" t="s">
        <v>87</v>
      </c>
      <c r="E32" s="60">
        <v>596</v>
      </c>
    </row>
    <row r="33" spans="2:7" x14ac:dyDescent="0.3">
      <c r="F33" s="61">
        <f>SUM(E10:E32)</f>
        <v>350295</v>
      </c>
    </row>
    <row r="35" spans="2:7" x14ac:dyDescent="0.3">
      <c r="B35" s="59" t="s">
        <v>50</v>
      </c>
      <c r="E35" s="60">
        <v>151976</v>
      </c>
    </row>
    <row r="36" spans="2:7" x14ac:dyDescent="0.3">
      <c r="F36" s="61">
        <f>E35</f>
        <v>151976</v>
      </c>
    </row>
    <row r="37" spans="2:7" ht="17.25" thickBot="1" x14ac:dyDescent="0.35">
      <c r="B37" s="59" t="s">
        <v>51</v>
      </c>
      <c r="G37" s="62">
        <f>F33+F36</f>
        <v>502271</v>
      </c>
    </row>
    <row r="38" spans="2:7" ht="17.25" thickTop="1" x14ac:dyDescent="0.3">
      <c r="B38" s="58" t="s">
        <v>109</v>
      </c>
      <c r="G38" s="58">
        <v>1</v>
      </c>
    </row>
    <row r="39" spans="2:7" ht="17.25" thickBot="1" x14ac:dyDescent="0.35">
      <c r="G39" s="62">
        <f>SUM(G37:G38)</f>
        <v>502272</v>
      </c>
    </row>
    <row r="40" spans="2:7" ht="17.25" thickTop="1" x14ac:dyDescent="0.3"/>
  </sheetData>
  <pageMargins left="0.7" right="0.7" top="0.75" bottom="0.75" header="0.3" footer="0.3"/>
  <pageSetup paperSize="9" scale="77" orientation="landscape" r:id="rId1"/>
  <customProperties>
    <customPr name="OrphanNamesChecked" r:id="rId2"/>
  </customProperties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H39"/>
  <sheetViews>
    <sheetView tabSelected="1" topLeftCell="A12" workbookViewId="0">
      <selection activeCell="H25" sqref="H25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  <col min="7" max="7" width="22" bestFit="1" customWidth="1"/>
    <col min="8" max="8" width="13.7109375" customWidth="1"/>
  </cols>
  <sheetData>
    <row r="1" spans="1:8" x14ac:dyDescent="0.25">
      <c r="B1" s="15" t="s">
        <v>12</v>
      </c>
    </row>
    <row r="3" spans="1:8" x14ac:dyDescent="0.25">
      <c r="B3" s="8"/>
    </row>
    <row r="4" spans="1:8" x14ac:dyDescent="0.25">
      <c r="B4" t="s">
        <v>2</v>
      </c>
      <c r="C4" s="35">
        <f>'Accounting Statement'!C16</f>
        <v>824505</v>
      </c>
      <c r="D4" t="s">
        <v>54</v>
      </c>
      <c r="E4" s="35">
        <f>'Accounting Statement'!D16</f>
        <v>990568</v>
      </c>
    </row>
    <row r="6" spans="1:8" x14ac:dyDescent="0.25">
      <c r="D6" t="s">
        <v>5</v>
      </c>
      <c r="E6" s="1">
        <f>E4-C4</f>
        <v>166063</v>
      </c>
    </row>
    <row r="7" spans="1:8" x14ac:dyDescent="0.25">
      <c r="D7" t="s">
        <v>39</v>
      </c>
      <c r="E7" s="6">
        <f>IF(AND(C4=0,E4=0),0,IF(C4=0,1,IF(E4=0,-1,(E4-C4)/C4)))</f>
        <v>0.20140933044675291</v>
      </c>
      <c r="F7" t="str">
        <f>IF(E7&lt;-0.15,"yes explain",IF(E7&gt;0.15,"Yes explain","No explanation required - unless there is a capital payment or receipt in excess of 15% of fixed assets"))</f>
        <v>Yes explain</v>
      </c>
    </row>
    <row r="9" spans="1:8" x14ac:dyDescent="0.25">
      <c r="B9" s="8" t="s">
        <v>7</v>
      </c>
    </row>
    <row r="10" spans="1:8" ht="15.75" x14ac:dyDescent="0.3">
      <c r="B10" s="19" t="s">
        <v>13</v>
      </c>
    </row>
    <row r="11" spans="1:8" ht="15.75" x14ac:dyDescent="0.3">
      <c r="B11" s="18" t="s">
        <v>58</v>
      </c>
    </row>
    <row r="12" spans="1:8" s="3" customFormat="1" ht="26.25" customHeight="1" x14ac:dyDescent="0.25">
      <c r="B12" s="4" t="s">
        <v>4</v>
      </c>
      <c r="C12" s="4" t="s">
        <v>55</v>
      </c>
      <c r="D12" s="5" t="s">
        <v>5</v>
      </c>
      <c r="E12" s="86" t="s">
        <v>1</v>
      </c>
      <c r="F12" s="87"/>
      <c r="G12" s="71" t="s">
        <v>62</v>
      </c>
      <c r="H12" s="72" t="s">
        <v>63</v>
      </c>
    </row>
    <row r="13" spans="1:8" s="17" customFormat="1" x14ac:dyDescent="0.25">
      <c r="A13" s="16"/>
      <c r="B13" s="12">
        <v>61131</v>
      </c>
      <c r="C13" s="12">
        <v>81790.429999999993</v>
      </c>
      <c r="D13" s="13">
        <f>C13-B13</f>
        <v>20659.429999999993</v>
      </c>
      <c r="E13" s="83" t="s">
        <v>97</v>
      </c>
      <c r="F13" s="92"/>
      <c r="G13" s="11" t="s">
        <v>95</v>
      </c>
    </row>
    <row r="14" spans="1:8" s="17" customFormat="1" x14ac:dyDescent="0.25">
      <c r="A14" s="16"/>
      <c r="B14" s="12">
        <v>0</v>
      </c>
      <c r="C14" s="12">
        <v>123178</v>
      </c>
      <c r="D14" s="13">
        <f>C14-B14</f>
        <v>123178</v>
      </c>
      <c r="E14" s="76" t="s">
        <v>117</v>
      </c>
      <c r="F14" s="79"/>
      <c r="G14" s="11" t="s">
        <v>95</v>
      </c>
    </row>
    <row r="15" spans="1:8" s="11" customFormat="1" x14ac:dyDescent="0.25">
      <c r="B15" s="12">
        <v>0</v>
      </c>
      <c r="C15" s="12">
        <v>2455.83</v>
      </c>
      <c r="D15" s="13">
        <f t="shared" ref="D15:D26" si="0">C15-B15</f>
        <v>2455.83</v>
      </c>
      <c r="E15" s="83" t="s">
        <v>99</v>
      </c>
      <c r="F15" s="84"/>
      <c r="G15" s="11" t="s">
        <v>95</v>
      </c>
    </row>
    <row r="16" spans="1:8" s="11" customFormat="1" x14ac:dyDescent="0.25">
      <c r="B16" s="12">
        <v>0</v>
      </c>
      <c r="C16" s="12">
        <v>3679</v>
      </c>
      <c r="D16" s="13">
        <f t="shared" si="0"/>
        <v>3679</v>
      </c>
      <c r="E16" s="83" t="s">
        <v>101</v>
      </c>
      <c r="F16" s="84"/>
      <c r="G16" s="11" t="s">
        <v>95</v>
      </c>
    </row>
    <row r="17" spans="1:8" s="11" customFormat="1" x14ac:dyDescent="0.25">
      <c r="B17" s="12">
        <v>876</v>
      </c>
      <c r="C17" s="12">
        <v>1785</v>
      </c>
      <c r="D17" s="13">
        <f t="shared" si="0"/>
        <v>909</v>
      </c>
      <c r="E17" s="83" t="s">
        <v>100</v>
      </c>
      <c r="F17" s="84"/>
      <c r="G17" s="11" t="s">
        <v>95</v>
      </c>
    </row>
    <row r="18" spans="1:8" s="11" customFormat="1" x14ac:dyDescent="0.25">
      <c r="B18" s="12">
        <v>0</v>
      </c>
      <c r="C18" s="12">
        <v>3581</v>
      </c>
      <c r="D18" s="13">
        <f t="shared" si="0"/>
        <v>3581</v>
      </c>
      <c r="E18" s="83" t="s">
        <v>102</v>
      </c>
      <c r="F18" s="84"/>
      <c r="G18" s="11" t="s">
        <v>95</v>
      </c>
    </row>
    <row r="19" spans="1:8" s="11" customFormat="1" x14ac:dyDescent="0.25">
      <c r="B19" s="12">
        <v>0</v>
      </c>
      <c r="C19" s="12">
        <v>424.99</v>
      </c>
      <c r="D19" s="13">
        <f t="shared" si="0"/>
        <v>424.99</v>
      </c>
      <c r="E19" s="83" t="s">
        <v>106</v>
      </c>
      <c r="F19" s="84"/>
      <c r="G19" s="11" t="s">
        <v>95</v>
      </c>
    </row>
    <row r="20" spans="1:8" s="11" customFormat="1" x14ac:dyDescent="0.25">
      <c r="B20" s="12">
        <v>0</v>
      </c>
      <c r="C20" s="12">
        <v>665</v>
      </c>
      <c r="D20" s="13">
        <f t="shared" si="0"/>
        <v>665</v>
      </c>
      <c r="E20" s="83" t="s">
        <v>108</v>
      </c>
      <c r="F20" s="84"/>
      <c r="G20" s="11" t="s">
        <v>95</v>
      </c>
    </row>
    <row r="21" spans="1:8" s="11" customFormat="1" x14ac:dyDescent="0.25">
      <c r="B21" s="12">
        <v>0</v>
      </c>
      <c r="C21" s="12">
        <v>1632</v>
      </c>
      <c r="D21" s="13">
        <f t="shared" si="0"/>
        <v>1632</v>
      </c>
      <c r="E21" s="83" t="s">
        <v>118</v>
      </c>
      <c r="F21" s="84"/>
      <c r="G21" s="11" t="s">
        <v>122</v>
      </c>
      <c r="H21" s="11" t="s">
        <v>125</v>
      </c>
    </row>
    <row r="22" spans="1:8" s="11" customFormat="1" x14ac:dyDescent="0.25">
      <c r="B22" s="12">
        <v>0</v>
      </c>
      <c r="C22" s="12">
        <v>3500</v>
      </c>
      <c r="D22" s="13">
        <f t="shared" si="0"/>
        <v>3500</v>
      </c>
      <c r="E22" s="83" t="s">
        <v>119</v>
      </c>
      <c r="F22" s="84"/>
      <c r="G22" s="11" t="s">
        <v>122</v>
      </c>
      <c r="H22" s="11" t="s">
        <v>125</v>
      </c>
    </row>
    <row r="23" spans="1:8" s="11" customFormat="1" x14ac:dyDescent="0.25">
      <c r="B23" s="12">
        <v>0</v>
      </c>
      <c r="C23" s="12">
        <v>2500</v>
      </c>
      <c r="D23" s="13">
        <f t="shared" si="0"/>
        <v>2500</v>
      </c>
      <c r="E23" s="83" t="s">
        <v>120</v>
      </c>
      <c r="F23" s="84"/>
      <c r="G23" s="11" t="s">
        <v>95</v>
      </c>
    </row>
    <row r="24" spans="1:8" s="11" customFormat="1" x14ac:dyDescent="0.25">
      <c r="B24" s="12">
        <v>0</v>
      </c>
      <c r="C24" s="12">
        <v>3679</v>
      </c>
      <c r="D24" s="13">
        <f t="shared" si="0"/>
        <v>3679</v>
      </c>
      <c r="E24" s="83" t="s">
        <v>121</v>
      </c>
      <c r="F24" s="84"/>
      <c r="G24" s="11" t="s">
        <v>95</v>
      </c>
    </row>
    <row r="25" spans="1:8" s="11" customFormat="1" x14ac:dyDescent="0.25">
      <c r="B25" s="12"/>
      <c r="C25" s="12"/>
      <c r="D25" s="13">
        <f t="shared" si="0"/>
        <v>0</v>
      </c>
      <c r="E25" s="83"/>
      <c r="F25" s="84"/>
    </row>
    <row r="26" spans="1:8" s="11" customFormat="1" x14ac:dyDescent="0.25">
      <c r="B26" s="12"/>
      <c r="C26" s="12"/>
      <c r="D26" s="13">
        <f t="shared" si="0"/>
        <v>0</v>
      </c>
      <c r="E26" s="83"/>
      <c r="F26" s="84"/>
    </row>
    <row r="27" spans="1:8" x14ac:dyDescent="0.25">
      <c r="A27" s="9" t="s">
        <v>0</v>
      </c>
      <c r="B27" s="10">
        <f>SUM(B13:B26)</f>
        <v>62007</v>
      </c>
      <c r="C27" s="10">
        <f>SUM(C13:C26)</f>
        <v>228870.24999999997</v>
      </c>
      <c r="D27" s="10">
        <f>SUM(D13:D26)</f>
        <v>166863.24999999997</v>
      </c>
      <c r="E27" s="85"/>
      <c r="F27" s="84"/>
      <c r="G27" s="7"/>
    </row>
    <row r="28" spans="1:8" x14ac:dyDescent="0.25">
      <c r="H28" s="2"/>
    </row>
    <row r="29" spans="1:8" x14ac:dyDescent="0.25">
      <c r="A29" s="14" t="s">
        <v>6</v>
      </c>
      <c r="F29" s="7"/>
    </row>
    <row r="31" spans="1:8" ht="15.75" x14ac:dyDescent="0.3">
      <c r="B31" s="18" t="s">
        <v>59</v>
      </c>
    </row>
    <row r="32" spans="1:8" x14ac:dyDescent="0.25">
      <c r="B32" t="s">
        <v>64</v>
      </c>
    </row>
    <row r="33" spans="1:8" x14ac:dyDescent="0.25">
      <c r="B33" t="s">
        <v>2</v>
      </c>
      <c r="C33" s="35">
        <f>'Accounting Statement'!C45</f>
        <v>0</v>
      </c>
      <c r="D33" t="s">
        <v>54</v>
      </c>
      <c r="E33" s="35">
        <f>'Accounting Statement'!D45</f>
        <v>0</v>
      </c>
    </row>
    <row r="35" spans="1:8" ht="30" x14ac:dyDescent="0.25">
      <c r="A35" s="3"/>
      <c r="B35" s="4" t="s">
        <v>4</v>
      </c>
      <c r="C35" s="4" t="s">
        <v>55</v>
      </c>
      <c r="D35" s="5" t="s">
        <v>5</v>
      </c>
      <c r="E35" s="86" t="s">
        <v>1</v>
      </c>
      <c r="F35" s="87"/>
      <c r="G35" s="71" t="s">
        <v>62</v>
      </c>
      <c r="H35" s="72" t="s">
        <v>63</v>
      </c>
    </row>
    <row r="36" spans="1:8" x14ac:dyDescent="0.25">
      <c r="A36" s="16"/>
      <c r="B36" s="13"/>
      <c r="C36" s="13"/>
      <c r="D36" s="13">
        <f>C36-B36</f>
        <v>0</v>
      </c>
      <c r="E36" s="91"/>
      <c r="F36" s="90"/>
      <c r="G36" s="16"/>
      <c r="H36" s="17"/>
    </row>
    <row r="37" spans="1:8" x14ac:dyDescent="0.25">
      <c r="A37" s="11"/>
      <c r="B37" s="12"/>
      <c r="C37" s="12"/>
      <c r="D37" s="13">
        <f t="shared" ref="D37:D38" si="1">C37-B37</f>
        <v>0</v>
      </c>
      <c r="E37" s="83"/>
      <c r="F37" s="84"/>
      <c r="G37" s="11"/>
      <c r="H37" s="11"/>
    </row>
    <row r="38" spans="1:8" x14ac:dyDescent="0.25">
      <c r="A38" s="11"/>
      <c r="B38" s="12"/>
      <c r="C38" s="12"/>
      <c r="D38" s="13">
        <f t="shared" si="1"/>
        <v>0</v>
      </c>
      <c r="E38" s="83"/>
      <c r="F38" s="84"/>
      <c r="G38" s="11"/>
      <c r="H38" s="11"/>
    </row>
    <row r="39" spans="1:8" x14ac:dyDescent="0.25">
      <c r="A39" s="9" t="s">
        <v>0</v>
      </c>
      <c r="B39" s="10">
        <f>SUM(B36:B38)</f>
        <v>0</v>
      </c>
      <c r="C39" s="10">
        <f>SUM(C36:C38)</f>
        <v>0</v>
      </c>
      <c r="D39" s="10">
        <f>SUM(D36:D38)</f>
        <v>0</v>
      </c>
      <c r="E39" s="85"/>
      <c r="F39" s="84"/>
      <c r="G39" s="7"/>
    </row>
  </sheetData>
  <mergeCells count="20">
    <mergeCell ref="E22:F22"/>
    <mergeCell ref="E12:F12"/>
    <mergeCell ref="E13:F13"/>
    <mergeCell ref="E15:F15"/>
    <mergeCell ref="E16:F16"/>
    <mergeCell ref="E17:F17"/>
    <mergeCell ref="E18:F18"/>
    <mergeCell ref="E19:F19"/>
    <mergeCell ref="E20:F20"/>
    <mergeCell ref="E21:F21"/>
    <mergeCell ref="E23:F23"/>
    <mergeCell ref="E24:F24"/>
    <mergeCell ref="E25:F25"/>
    <mergeCell ref="E26:F26"/>
    <mergeCell ref="E27:F27"/>
    <mergeCell ref="E39:F39"/>
    <mergeCell ref="E38:F38"/>
    <mergeCell ref="E35:F35"/>
    <mergeCell ref="E36:F36"/>
    <mergeCell ref="E37:F37"/>
  </mergeCells>
  <pageMargins left="0.7" right="0.7" top="0.75" bottom="0.75" header="0.3" footer="0.3"/>
  <pageSetup paperSize="9" scale="79" orientation="landscape" r:id="rId1"/>
  <customProperties>
    <customPr name="OrphanNamesChecked" r:id="rId2"/>
  </customProperties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H22"/>
  <sheetViews>
    <sheetView topLeftCell="A10" workbookViewId="0">
      <selection activeCell="E12" sqref="E12:F12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4</v>
      </c>
    </row>
    <row r="3" spans="1:7" x14ac:dyDescent="0.25">
      <c r="B3" s="8"/>
    </row>
    <row r="4" spans="1:7" x14ac:dyDescent="0.25">
      <c r="B4" t="s">
        <v>2</v>
      </c>
      <c r="C4" s="35">
        <f>'Accounting Statement'!C17</f>
        <v>13123</v>
      </c>
      <c r="D4" t="s">
        <v>54</v>
      </c>
      <c r="E4" s="35">
        <f>'Accounting Statement'!D17</f>
        <v>0</v>
      </c>
    </row>
    <row r="6" spans="1:7" x14ac:dyDescent="0.25">
      <c r="D6" t="s">
        <v>5</v>
      </c>
      <c r="E6" s="1">
        <f>F4-C4</f>
        <v>-13123</v>
      </c>
    </row>
    <row r="7" spans="1:7" x14ac:dyDescent="0.25">
      <c r="E7" s="6">
        <f>IF(AND(C4=0,E4=0),0,IF(C4=0,1,IF(E4=0,-1,(E4-C4)/C4)))</f>
        <v>-1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7</v>
      </c>
    </row>
    <row r="10" spans="1:7" ht="15.75" x14ac:dyDescent="0.3">
      <c r="B10" s="18" t="s">
        <v>60</v>
      </c>
    </row>
    <row r="11" spans="1:7" s="3" customFormat="1" ht="26.25" x14ac:dyDescent="0.25">
      <c r="B11" s="4" t="s">
        <v>4</v>
      </c>
      <c r="C11" s="4" t="s">
        <v>55</v>
      </c>
      <c r="D11" s="5" t="s">
        <v>5</v>
      </c>
      <c r="E11" s="86" t="s">
        <v>1</v>
      </c>
      <c r="F11" s="87"/>
    </row>
    <row r="12" spans="1:7" s="17" customFormat="1" x14ac:dyDescent="0.25">
      <c r="A12" s="16"/>
      <c r="B12" s="13"/>
      <c r="C12" s="13"/>
      <c r="D12" s="13">
        <f>C12-B12</f>
        <v>0</v>
      </c>
      <c r="E12" s="91"/>
      <c r="F12" s="90"/>
      <c r="G12" s="16"/>
    </row>
    <row r="13" spans="1:7" s="11" customFormat="1" x14ac:dyDescent="0.25">
      <c r="B13" s="12"/>
      <c r="C13" s="12"/>
      <c r="D13" s="13">
        <f t="shared" ref="D13:D18" si="0">C13-B13</f>
        <v>0</v>
      </c>
      <c r="E13" s="83"/>
      <c r="F13" s="84"/>
    </row>
    <row r="14" spans="1:7" s="11" customFormat="1" x14ac:dyDescent="0.25">
      <c r="B14" s="12"/>
      <c r="C14" s="12"/>
      <c r="D14" s="13">
        <f t="shared" si="0"/>
        <v>0</v>
      </c>
      <c r="E14" s="83"/>
      <c r="F14" s="84"/>
    </row>
    <row r="15" spans="1:7" s="11" customFormat="1" x14ac:dyDescent="0.25">
      <c r="B15" s="12"/>
      <c r="C15" s="12"/>
      <c r="D15" s="13">
        <f t="shared" si="0"/>
        <v>0</v>
      </c>
      <c r="E15" s="83"/>
      <c r="F15" s="84"/>
    </row>
    <row r="16" spans="1:7" s="11" customFormat="1" x14ac:dyDescent="0.25">
      <c r="B16" s="12"/>
      <c r="C16" s="12"/>
      <c r="D16" s="13">
        <f t="shared" si="0"/>
        <v>0</v>
      </c>
      <c r="E16" s="83"/>
      <c r="F16" s="84"/>
    </row>
    <row r="17" spans="1:8" s="11" customFormat="1" x14ac:dyDescent="0.25">
      <c r="B17" s="12"/>
      <c r="C17" s="12"/>
      <c r="D17" s="13">
        <f t="shared" si="0"/>
        <v>0</v>
      </c>
      <c r="E17" s="83"/>
      <c r="F17" s="84"/>
    </row>
    <row r="18" spans="1:8" s="11" customFormat="1" x14ac:dyDescent="0.25">
      <c r="B18" s="12"/>
      <c r="C18" s="12"/>
      <c r="D18" s="13">
        <f t="shared" si="0"/>
        <v>0</v>
      </c>
      <c r="E18" s="83"/>
      <c r="F18" s="84"/>
    </row>
    <row r="19" spans="1:8" x14ac:dyDescent="0.25">
      <c r="A19" s="9" t="s">
        <v>0</v>
      </c>
      <c r="B19" s="10">
        <f>SUM(B12:B18)</f>
        <v>0</v>
      </c>
      <c r="C19" s="10">
        <f>SUM(C12:C18)</f>
        <v>0</v>
      </c>
      <c r="D19" s="10">
        <f>SUM(D12:D18)</f>
        <v>0</v>
      </c>
      <c r="E19" s="85"/>
      <c r="F19" s="84"/>
      <c r="G19" s="7"/>
    </row>
    <row r="20" spans="1:8" x14ac:dyDescent="0.25">
      <c r="H20" s="2"/>
    </row>
    <row r="21" spans="1:8" x14ac:dyDescent="0.25">
      <c r="F21" s="7"/>
    </row>
    <row r="22" spans="1:8" x14ac:dyDescent="0.25">
      <c r="A22" s="14" t="s">
        <v>6</v>
      </c>
    </row>
  </sheetData>
  <mergeCells count="9">
    <mergeCell ref="E17:F17"/>
    <mergeCell ref="E18:F18"/>
    <mergeCell ref="E19:F19"/>
    <mergeCell ref="E14:F14"/>
    <mergeCell ref="E11:F11"/>
    <mergeCell ref="E12:F12"/>
    <mergeCell ref="E13:F13"/>
    <mergeCell ref="E15:F15"/>
    <mergeCell ref="E16:F16"/>
  </mergeCells>
  <pageMargins left="0.7" right="0.7" top="0.75" bottom="0.75" header="0.3" footer="0.3"/>
  <pageSetup paperSize="9" orientation="landscape" r:id="rId1"/>
  <customProperties>
    <customPr name="OrphanNamesChecked" r:id="rId2"/>
  </customProperties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EE1969CFD9A1A409F054F99CBBA39B9" ma:contentTypeVersion="18" ma:contentTypeDescription="Create a new document." ma:contentTypeScope="" ma:versionID="7eb547378e34de0ed514c38929529987">
  <xsd:schema xmlns:xsd="http://www.w3.org/2001/XMLSchema" xmlns:xs="http://www.w3.org/2001/XMLSchema" xmlns:p="http://schemas.microsoft.com/office/2006/metadata/properties" xmlns:ns2="40526a6f-5c95-466c-a30a-33c658e234da" xmlns:ns3="a1a74a63-3836-4e3e-8431-7f80cbbb4b37" targetNamespace="http://schemas.microsoft.com/office/2006/metadata/properties" ma:root="true" ma:fieldsID="d0ca6e0b68de9b240112f3f52301ed92" ns2:_="" ns3:_="">
    <xsd:import namespace="40526a6f-5c95-466c-a30a-33c658e234da"/>
    <xsd:import namespace="a1a74a63-3836-4e3e-8431-7f80cbbb4b3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0526a6f-5c95-466c-a30a-33c658e234d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19b8fd31-1f09-4a6f-8d0a-efe5d2a7c10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1a74a63-3836-4e3e-8431-7f80cbbb4b37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bafa1fd5-ce94-44ff-96de-f529a861164a}" ma:internalName="TaxCatchAll" ma:showField="CatchAllData" ma:web="a1a74a63-3836-4e3e-8431-7f80cbbb4b3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a1a74a63-3836-4e3e-8431-7f80cbbb4b37" xsi:nil="true"/>
    <lcf76f155ced4ddcb4097134ff3c332f xmlns="40526a6f-5c95-466c-a30a-33c658e234da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customXml/itemProps3.xml><?xml version="1.0" encoding="utf-8"?>
<ds:datastoreItem xmlns:ds="http://schemas.openxmlformats.org/officeDocument/2006/customXml" ds:itemID="{CDEE11CC-0F21-4376-8807-E40812673C8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0526a6f-5c95-466c-a30a-33c658e234da"/>
    <ds:schemaRef ds:uri="a1a74a63-3836-4e3e-8431-7f80cbbb4b3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50B08C9-85C0-4A91-8B2A-8A2A7467AB3E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6921EB6-0793-4EF6-95A3-627CFA0FE41B}">
  <ds:schemaRefs>
    <ds:schemaRef ds:uri="http://schemas.microsoft.com/office/2006/metadata/properties"/>
    <ds:schemaRef ds:uri="http://schemas.microsoft.com/office/infopath/2007/PartnerControls"/>
    <ds:schemaRef ds:uri="a1a74a63-3836-4e3e-8431-7f80cbbb4b37"/>
    <ds:schemaRef ds:uri="40526a6f-5c95-466c-a30a-33c658e234d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Clerk- Frampton Cotterell PC</cp:lastModifiedBy>
  <cp:lastPrinted>2024-06-06T14:43:14Z</cp:lastPrinted>
  <dcterms:created xsi:type="dcterms:W3CDTF">2023-03-10T09:35:56Z</dcterms:created>
  <dcterms:modified xsi:type="dcterms:W3CDTF">2024-06-06T15:16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ontentTypeId">
    <vt:lpwstr>0x0101009EE1969CFD9A1A409F054F99CBBA39B9</vt:lpwstr>
  </property>
  <property fmtid="{D5CDD505-2E9C-101B-9397-08002B2CF9AE}" pid="8" name="MediaServiceImageTags">
    <vt:lpwstr/>
  </property>
</Properties>
</file>